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4.xml" ContentType="application/vnd.openxmlformats-officedocument.presentationml.notesSlide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5" r:id="rId5"/>
    <p:sldMasterId id="2147483690" r:id="rId6"/>
  </p:sldMasterIdLst>
  <p:notesMasterIdLst>
    <p:notesMasterId r:id="rId21"/>
  </p:notesMasterIdLst>
  <p:sldIdLst>
    <p:sldId id="264" r:id="rId7"/>
    <p:sldId id="292" r:id="rId8"/>
    <p:sldId id="303" r:id="rId9"/>
    <p:sldId id="289" r:id="rId10"/>
    <p:sldId id="291" r:id="rId11"/>
    <p:sldId id="270" r:id="rId12"/>
    <p:sldId id="271" r:id="rId13"/>
    <p:sldId id="275" r:id="rId14"/>
    <p:sldId id="269" r:id="rId15"/>
    <p:sldId id="262" r:id="rId16"/>
    <p:sldId id="304" r:id="rId17"/>
    <p:sldId id="306" r:id="rId18"/>
    <p:sldId id="272" r:id="rId19"/>
    <p:sldId id="300" r:id="rId20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C532A5C-B329-4AA2-8F03-1E4323CEAE68}">
          <p14:sldIdLst>
            <p14:sldId id="264"/>
          </p14:sldIdLst>
        </p14:section>
        <p14:section name="What - Status" id="{B96BF433-8EDF-4C5C-94FF-F1BBDCADC691}">
          <p14:sldIdLst>
            <p14:sldId id="292"/>
            <p14:sldId id="303"/>
            <p14:sldId id="289"/>
            <p14:sldId id="291"/>
            <p14:sldId id="270"/>
            <p14:sldId id="271"/>
            <p14:sldId id="275"/>
            <p14:sldId id="269"/>
            <p14:sldId id="262"/>
            <p14:sldId id="304"/>
            <p14:sldId id="306"/>
            <p14:sldId id="272"/>
            <p14:sldId id="300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84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44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viewProps" Target="viewProp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06015CD-F361-4245-B775-F8B72DB4BB0A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2FF91F0-9511-427E-BD58-AEBE4831306F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7BE3A90E-F3A2-4237-AFC1-584F3F44105F}" type="parTrans" cxnId="{F1B82990-3F87-4F0E-96FE-C113C732576D}">
      <dgm:prSet/>
      <dgm:spPr/>
      <dgm:t>
        <a:bodyPr/>
        <a:lstStyle/>
        <a:p>
          <a:endParaRPr lang="en-US"/>
        </a:p>
      </dgm:t>
    </dgm:pt>
    <dgm:pt modelId="{D1572CB3-2A02-4900-A456-B7F994D4F01D}" type="sibTrans" cxnId="{F1B82990-3F87-4F0E-96FE-C113C732576D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7899779-CF17-4205-A716-11B955518FFA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511856D7-65D3-4234-BD03-8BD92AD41436}" type="parTrans" cxnId="{1252419D-9DC3-42D0-8175-0F5FB793272F}">
      <dgm:prSet/>
      <dgm:spPr/>
      <dgm:t>
        <a:bodyPr/>
        <a:lstStyle/>
        <a:p>
          <a:endParaRPr lang="en-US"/>
        </a:p>
      </dgm:t>
    </dgm:pt>
    <dgm:pt modelId="{C37D6681-DF79-41CD-8B38-296B7FA34173}" type="sibTrans" cxnId="{1252419D-9DC3-42D0-8175-0F5FB793272F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0756393-D5B4-4952-A980-02DF28C37CF2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1981F240-E153-45AC-82C5-373DE2149F64}" type="parTrans" cxnId="{CEA31D62-3082-42C1-9612-46D088738F11}">
      <dgm:prSet/>
      <dgm:spPr/>
      <dgm:t>
        <a:bodyPr/>
        <a:lstStyle/>
        <a:p>
          <a:endParaRPr lang="en-US"/>
        </a:p>
      </dgm:t>
    </dgm:pt>
    <dgm:pt modelId="{FF951571-AAA1-43C0-8567-29FFFF92AB25}" type="sibTrans" cxnId="{CEA31D62-3082-42C1-9612-46D088738F11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437E0D70-3D85-4049-B3E5-0E0E3B0B9104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6398ECA-2620-41EE-AF2D-1BF043625A11}" type="parTrans" cxnId="{4830973E-D3E1-4126-9976-81597BB87F68}">
      <dgm:prSet/>
      <dgm:spPr/>
      <dgm:t>
        <a:bodyPr/>
        <a:lstStyle/>
        <a:p>
          <a:endParaRPr lang="en-US"/>
        </a:p>
      </dgm:t>
    </dgm:pt>
    <dgm:pt modelId="{52367875-36F3-410E-80FB-9E1835F2E2DC}" type="sibTrans" cxnId="{4830973E-D3E1-4126-9976-81597BB87F68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ED74A3D-F28F-4E19-ADA2-20F4FC022380}">
      <dgm:prSet phldrT="[Text]" custT="1"/>
      <dgm:spPr/>
      <dgm:t>
        <a:bodyPr/>
        <a:lstStyle/>
        <a:p>
          <a:r>
            <a:rPr lang="en-US" sz="9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8A5FA4D-A178-4523-A231-3796DE3E3B59}" type="parTrans" cxnId="{FBA4F51C-D671-41DB-BA26-4D580BA7CA75}">
      <dgm:prSet/>
      <dgm:spPr/>
      <dgm:t>
        <a:bodyPr/>
        <a:lstStyle/>
        <a:p>
          <a:endParaRPr lang="en-US"/>
        </a:p>
      </dgm:t>
    </dgm:pt>
    <dgm:pt modelId="{697843E7-B11A-477C-95EF-3A17CE30D418}" type="sibTrans" cxnId="{FBA4F51C-D671-41DB-BA26-4D580BA7CA75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2EDE24F-8885-4502-9459-49837C72F963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D6A6A4A8-B05D-4961-8696-B6DCD9024BEE}" type="parTrans" cxnId="{BB72721E-CB27-4383-B93F-D3B988ED99AE}">
      <dgm:prSet/>
      <dgm:spPr/>
      <dgm:t>
        <a:bodyPr/>
        <a:lstStyle/>
        <a:p>
          <a:endParaRPr lang="en-US"/>
        </a:p>
      </dgm:t>
    </dgm:pt>
    <dgm:pt modelId="{70BC259C-E87F-4959-BAD1-4B4699524FD3}" type="sibTrans" cxnId="{BB72721E-CB27-4383-B93F-D3B988ED99AE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4D80AF0-3F3B-4B4F-B841-6B3360C50A66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5BEF54B-28CE-4C2E-AB26-46CE0DD437AE}" type="parTrans" cxnId="{7399C231-D926-4D13-8875-86856ABDCCD2}">
      <dgm:prSet/>
      <dgm:spPr/>
      <dgm:t>
        <a:bodyPr/>
        <a:lstStyle/>
        <a:p>
          <a:endParaRPr lang="en-US"/>
        </a:p>
      </dgm:t>
    </dgm:pt>
    <dgm:pt modelId="{FE9A66A8-C5EB-406B-A427-CC8E4E1A2851}" type="sibTrans" cxnId="{7399C231-D926-4D13-8875-86856ABDCCD2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DBF8454-DA3E-4A52-AAC6-DD34AD053359}" type="pres">
      <dgm:prSet presAssocID="{706015CD-F361-4245-B775-F8B72DB4BB0A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91FB3BC5-5C29-4A29-8E65-F2DC3809478C}" type="pres">
      <dgm:prSet presAssocID="{A2FF91F0-9511-427E-BD58-AEBE4831306F}" presName="dummy" presStyleCnt="0"/>
      <dgm:spPr/>
    </dgm:pt>
    <dgm:pt modelId="{C762F9EB-5631-44B4-A0D3-C2F61B00F6E9}" type="pres">
      <dgm:prSet presAssocID="{A2FF91F0-9511-427E-BD58-AEBE4831306F}" presName="node" presStyleLbl="revTx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FCA20AD-A776-4576-A7CA-E135F2D917BC}" type="pres">
      <dgm:prSet presAssocID="{D1572CB3-2A02-4900-A456-B7F994D4F01D}" presName="sibTrans" presStyleLbl="node1" presStyleIdx="0" presStyleCnt="7"/>
      <dgm:spPr/>
      <dgm:t>
        <a:bodyPr/>
        <a:lstStyle/>
        <a:p>
          <a:endParaRPr lang="en-US"/>
        </a:p>
      </dgm:t>
    </dgm:pt>
    <dgm:pt modelId="{2FA22527-7EF0-49CE-A7E0-74DA419DE9DD}" type="pres">
      <dgm:prSet presAssocID="{E7899779-CF17-4205-A716-11B955518FFA}" presName="dummy" presStyleCnt="0"/>
      <dgm:spPr/>
    </dgm:pt>
    <dgm:pt modelId="{EF05E807-DB45-437D-A6C4-7B1A7205E998}" type="pres">
      <dgm:prSet presAssocID="{E7899779-CF17-4205-A716-11B955518FFA}" presName="node" presStyleLbl="revTx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4F5941B-5AF7-4CA1-9D45-567306F23F0C}" type="pres">
      <dgm:prSet presAssocID="{C37D6681-DF79-41CD-8B38-296B7FA34173}" presName="sibTrans" presStyleLbl="node1" presStyleIdx="1" presStyleCnt="7"/>
      <dgm:spPr/>
      <dgm:t>
        <a:bodyPr/>
        <a:lstStyle/>
        <a:p>
          <a:endParaRPr lang="en-US"/>
        </a:p>
      </dgm:t>
    </dgm:pt>
    <dgm:pt modelId="{B30AC497-CD9D-4B3D-89F7-F0FA63B986A2}" type="pres">
      <dgm:prSet presAssocID="{80756393-D5B4-4952-A980-02DF28C37CF2}" presName="dummy" presStyleCnt="0"/>
      <dgm:spPr/>
    </dgm:pt>
    <dgm:pt modelId="{66AEB7DF-929F-45AC-BD01-D1FF7A0AA728}" type="pres">
      <dgm:prSet presAssocID="{80756393-D5B4-4952-A980-02DF28C37CF2}" presName="node" presStyleLbl="revTx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4948AC0-E1C9-4BC4-B4A5-2DE658B32BA5}" type="pres">
      <dgm:prSet presAssocID="{FF951571-AAA1-43C0-8567-29FFFF92AB25}" presName="sibTrans" presStyleLbl="node1" presStyleIdx="2" presStyleCnt="7"/>
      <dgm:spPr/>
      <dgm:t>
        <a:bodyPr/>
        <a:lstStyle/>
        <a:p>
          <a:endParaRPr lang="en-US"/>
        </a:p>
      </dgm:t>
    </dgm:pt>
    <dgm:pt modelId="{CAF0ED37-9786-45AD-A106-F84219175FF7}" type="pres">
      <dgm:prSet presAssocID="{437E0D70-3D85-4049-B3E5-0E0E3B0B9104}" presName="dummy" presStyleCnt="0"/>
      <dgm:spPr/>
    </dgm:pt>
    <dgm:pt modelId="{8D2F85B0-779F-4AED-865F-B47AB75ABED3}" type="pres">
      <dgm:prSet presAssocID="{437E0D70-3D85-4049-B3E5-0E0E3B0B9104}" presName="node" presStyleLbl="revTx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044C2D-A11C-4BB1-8CAD-7ED5343730A1}" type="pres">
      <dgm:prSet presAssocID="{52367875-36F3-410E-80FB-9E1835F2E2DC}" presName="sibTrans" presStyleLbl="node1" presStyleIdx="3" presStyleCnt="7"/>
      <dgm:spPr/>
      <dgm:t>
        <a:bodyPr/>
        <a:lstStyle/>
        <a:p>
          <a:endParaRPr lang="en-US"/>
        </a:p>
      </dgm:t>
    </dgm:pt>
    <dgm:pt modelId="{C8F86AD4-767B-42FF-8FA7-04A0AF1D389F}" type="pres">
      <dgm:prSet presAssocID="{E2EDE24F-8885-4502-9459-49837C72F963}" presName="dummy" presStyleCnt="0"/>
      <dgm:spPr/>
    </dgm:pt>
    <dgm:pt modelId="{0940C94C-0BB5-44FE-BF05-97803DA086AA}" type="pres">
      <dgm:prSet presAssocID="{E2EDE24F-8885-4502-9459-49837C72F963}" presName="node" presStyleLbl="revTx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98609D-7E47-4C14-9813-529DFC4B7E4D}" type="pres">
      <dgm:prSet presAssocID="{70BC259C-E87F-4959-BAD1-4B4699524FD3}" presName="sibTrans" presStyleLbl="node1" presStyleIdx="4" presStyleCnt="7"/>
      <dgm:spPr/>
      <dgm:t>
        <a:bodyPr/>
        <a:lstStyle/>
        <a:p>
          <a:endParaRPr lang="en-US"/>
        </a:p>
      </dgm:t>
    </dgm:pt>
    <dgm:pt modelId="{E3F4FFD7-45B1-4487-81EB-DBD423548A26}" type="pres">
      <dgm:prSet presAssocID="{D4D80AF0-3F3B-4B4F-B841-6B3360C50A66}" presName="dummy" presStyleCnt="0"/>
      <dgm:spPr/>
    </dgm:pt>
    <dgm:pt modelId="{FB94C7DE-E8B2-4342-902B-1E55D97EDC91}" type="pres">
      <dgm:prSet presAssocID="{D4D80AF0-3F3B-4B4F-B841-6B3360C50A66}" presName="node" presStyleLbl="revTx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437F08F-B124-4AAF-B7C5-91F8A840E0F8}" type="pres">
      <dgm:prSet presAssocID="{FE9A66A8-C5EB-406B-A427-CC8E4E1A2851}" presName="sibTrans" presStyleLbl="node1" presStyleIdx="5" presStyleCnt="7"/>
      <dgm:spPr/>
      <dgm:t>
        <a:bodyPr/>
        <a:lstStyle/>
        <a:p>
          <a:endParaRPr lang="en-US"/>
        </a:p>
      </dgm:t>
    </dgm:pt>
    <dgm:pt modelId="{733A0D6E-51E1-4FF1-98BB-72C33DC49DE0}" type="pres">
      <dgm:prSet presAssocID="{8ED74A3D-F28F-4E19-ADA2-20F4FC022380}" presName="dummy" presStyleCnt="0"/>
      <dgm:spPr/>
    </dgm:pt>
    <dgm:pt modelId="{39F0A454-28F0-4EB8-89CE-DC3C60E04534}" type="pres">
      <dgm:prSet presAssocID="{8ED74A3D-F28F-4E19-ADA2-20F4FC022380}" presName="node" presStyleLbl="revTx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7A1E8E-1CA4-4F0E-AF63-073035099ED2}" type="pres">
      <dgm:prSet presAssocID="{697843E7-B11A-477C-95EF-3A17CE30D418}" presName="sibTrans" presStyleLbl="node1" presStyleIdx="6" presStyleCnt="7"/>
      <dgm:spPr/>
      <dgm:t>
        <a:bodyPr/>
        <a:lstStyle/>
        <a:p>
          <a:endParaRPr lang="en-US"/>
        </a:p>
      </dgm:t>
    </dgm:pt>
  </dgm:ptLst>
  <dgm:cxnLst>
    <dgm:cxn modelId="{4BF0C9AD-FCB0-4BED-820E-06486FEF31AC}" type="presOf" srcId="{A2FF91F0-9511-427E-BD58-AEBE4831306F}" destId="{C762F9EB-5631-44B4-A0D3-C2F61B00F6E9}" srcOrd="0" destOrd="0" presId="urn:microsoft.com/office/officeart/2005/8/layout/cycle1"/>
    <dgm:cxn modelId="{0872DF0E-764A-4D6E-A0E4-82024C4E08A7}" type="presOf" srcId="{E7899779-CF17-4205-A716-11B955518FFA}" destId="{EF05E807-DB45-437D-A6C4-7B1A7205E998}" srcOrd="0" destOrd="0" presId="urn:microsoft.com/office/officeart/2005/8/layout/cycle1"/>
    <dgm:cxn modelId="{620156B5-2D8C-439F-B0F3-66443AE6626B}" type="presOf" srcId="{70BC259C-E87F-4959-BAD1-4B4699524FD3}" destId="{E098609D-7E47-4C14-9813-529DFC4B7E4D}" srcOrd="0" destOrd="0" presId="urn:microsoft.com/office/officeart/2005/8/layout/cycle1"/>
    <dgm:cxn modelId="{03A5C468-98B9-4C3B-AAD7-B459EC7DFE42}" type="presOf" srcId="{8ED74A3D-F28F-4E19-ADA2-20F4FC022380}" destId="{39F0A454-28F0-4EB8-89CE-DC3C60E04534}" srcOrd="0" destOrd="0" presId="urn:microsoft.com/office/officeart/2005/8/layout/cycle1"/>
    <dgm:cxn modelId="{18435944-1B20-4EDA-AB47-FAB49354A5DD}" type="presOf" srcId="{80756393-D5B4-4952-A980-02DF28C37CF2}" destId="{66AEB7DF-929F-45AC-BD01-D1FF7A0AA728}" srcOrd="0" destOrd="0" presId="urn:microsoft.com/office/officeart/2005/8/layout/cycle1"/>
    <dgm:cxn modelId="{BB72721E-CB27-4383-B93F-D3B988ED99AE}" srcId="{706015CD-F361-4245-B775-F8B72DB4BB0A}" destId="{E2EDE24F-8885-4502-9459-49837C72F963}" srcOrd="4" destOrd="0" parTransId="{D6A6A4A8-B05D-4961-8696-B6DCD9024BEE}" sibTransId="{70BC259C-E87F-4959-BAD1-4B4699524FD3}"/>
    <dgm:cxn modelId="{ECD05B30-E4D6-49BD-8E2B-D225FA8CFB41}" type="presOf" srcId="{E2EDE24F-8885-4502-9459-49837C72F963}" destId="{0940C94C-0BB5-44FE-BF05-97803DA086AA}" srcOrd="0" destOrd="0" presId="urn:microsoft.com/office/officeart/2005/8/layout/cycle1"/>
    <dgm:cxn modelId="{4869CA3C-1816-4310-9369-B334873E3367}" type="presOf" srcId="{FE9A66A8-C5EB-406B-A427-CC8E4E1A2851}" destId="{3437F08F-B124-4AAF-B7C5-91F8A840E0F8}" srcOrd="0" destOrd="0" presId="urn:microsoft.com/office/officeart/2005/8/layout/cycle1"/>
    <dgm:cxn modelId="{3660A790-D79E-4262-8A12-629E5CD4D19D}" type="presOf" srcId="{D4D80AF0-3F3B-4B4F-B841-6B3360C50A66}" destId="{FB94C7DE-E8B2-4342-902B-1E55D97EDC91}" srcOrd="0" destOrd="0" presId="urn:microsoft.com/office/officeart/2005/8/layout/cycle1"/>
    <dgm:cxn modelId="{4830973E-D3E1-4126-9976-81597BB87F68}" srcId="{706015CD-F361-4245-B775-F8B72DB4BB0A}" destId="{437E0D70-3D85-4049-B3E5-0E0E3B0B9104}" srcOrd="3" destOrd="0" parTransId="{C6398ECA-2620-41EE-AF2D-1BF043625A11}" sibTransId="{52367875-36F3-410E-80FB-9E1835F2E2DC}"/>
    <dgm:cxn modelId="{F693C3F8-D545-48C9-8682-1B65F214C880}" type="presOf" srcId="{D1572CB3-2A02-4900-A456-B7F994D4F01D}" destId="{FFCA20AD-A776-4576-A7CA-E135F2D917BC}" srcOrd="0" destOrd="0" presId="urn:microsoft.com/office/officeart/2005/8/layout/cycle1"/>
    <dgm:cxn modelId="{2CF61803-4887-4EEB-8617-8C30134FCF02}" type="presOf" srcId="{437E0D70-3D85-4049-B3E5-0E0E3B0B9104}" destId="{8D2F85B0-779F-4AED-865F-B47AB75ABED3}" srcOrd="0" destOrd="0" presId="urn:microsoft.com/office/officeart/2005/8/layout/cycle1"/>
    <dgm:cxn modelId="{A3F91D5F-EF04-4004-8C44-7982349C95CE}" type="presOf" srcId="{C37D6681-DF79-41CD-8B38-296B7FA34173}" destId="{C4F5941B-5AF7-4CA1-9D45-567306F23F0C}" srcOrd="0" destOrd="0" presId="urn:microsoft.com/office/officeart/2005/8/layout/cycle1"/>
    <dgm:cxn modelId="{F1B82990-3F87-4F0E-96FE-C113C732576D}" srcId="{706015CD-F361-4245-B775-F8B72DB4BB0A}" destId="{A2FF91F0-9511-427E-BD58-AEBE4831306F}" srcOrd="0" destOrd="0" parTransId="{7BE3A90E-F3A2-4237-AFC1-584F3F44105F}" sibTransId="{D1572CB3-2A02-4900-A456-B7F994D4F01D}"/>
    <dgm:cxn modelId="{2EC5FBC8-D8CC-4229-9CCF-31D43D531AE8}" type="presOf" srcId="{FF951571-AAA1-43C0-8567-29FFFF92AB25}" destId="{04948AC0-E1C9-4BC4-B4A5-2DE658B32BA5}" srcOrd="0" destOrd="0" presId="urn:microsoft.com/office/officeart/2005/8/layout/cycle1"/>
    <dgm:cxn modelId="{CEA31D62-3082-42C1-9612-46D088738F11}" srcId="{706015CD-F361-4245-B775-F8B72DB4BB0A}" destId="{80756393-D5B4-4952-A980-02DF28C37CF2}" srcOrd="2" destOrd="0" parTransId="{1981F240-E153-45AC-82C5-373DE2149F64}" sibTransId="{FF951571-AAA1-43C0-8567-29FFFF92AB25}"/>
    <dgm:cxn modelId="{FBA4F51C-D671-41DB-BA26-4D580BA7CA75}" srcId="{706015CD-F361-4245-B775-F8B72DB4BB0A}" destId="{8ED74A3D-F28F-4E19-ADA2-20F4FC022380}" srcOrd="6" destOrd="0" parTransId="{C8A5FA4D-A178-4523-A231-3796DE3E3B59}" sibTransId="{697843E7-B11A-477C-95EF-3A17CE30D418}"/>
    <dgm:cxn modelId="{B7704D02-910D-4E30-A8F6-98CC3D7E2302}" type="presOf" srcId="{706015CD-F361-4245-B775-F8B72DB4BB0A}" destId="{DDBF8454-DA3E-4A52-AAC6-DD34AD053359}" srcOrd="0" destOrd="0" presId="urn:microsoft.com/office/officeart/2005/8/layout/cycle1"/>
    <dgm:cxn modelId="{1252419D-9DC3-42D0-8175-0F5FB793272F}" srcId="{706015CD-F361-4245-B775-F8B72DB4BB0A}" destId="{E7899779-CF17-4205-A716-11B955518FFA}" srcOrd="1" destOrd="0" parTransId="{511856D7-65D3-4234-BD03-8BD92AD41436}" sibTransId="{C37D6681-DF79-41CD-8B38-296B7FA34173}"/>
    <dgm:cxn modelId="{6A3E44AD-B930-4329-86E4-79D9C15CA849}" type="presOf" srcId="{52367875-36F3-410E-80FB-9E1835F2E2DC}" destId="{4E044C2D-A11C-4BB1-8CAD-7ED5343730A1}" srcOrd="0" destOrd="0" presId="urn:microsoft.com/office/officeart/2005/8/layout/cycle1"/>
    <dgm:cxn modelId="{6BCCB409-8AE6-4807-875D-B9745E3E3DC0}" type="presOf" srcId="{697843E7-B11A-477C-95EF-3A17CE30D418}" destId="{DC7A1E8E-1CA4-4F0E-AF63-073035099ED2}" srcOrd="0" destOrd="0" presId="urn:microsoft.com/office/officeart/2005/8/layout/cycle1"/>
    <dgm:cxn modelId="{7399C231-D926-4D13-8875-86856ABDCCD2}" srcId="{706015CD-F361-4245-B775-F8B72DB4BB0A}" destId="{D4D80AF0-3F3B-4B4F-B841-6B3360C50A66}" srcOrd="5" destOrd="0" parTransId="{C5BEF54B-28CE-4C2E-AB26-46CE0DD437AE}" sibTransId="{FE9A66A8-C5EB-406B-A427-CC8E4E1A2851}"/>
    <dgm:cxn modelId="{B42D3EDF-4997-467E-B496-D65C0FE8DAB0}" type="presParOf" srcId="{DDBF8454-DA3E-4A52-AAC6-DD34AD053359}" destId="{91FB3BC5-5C29-4A29-8E65-F2DC3809478C}" srcOrd="0" destOrd="0" presId="urn:microsoft.com/office/officeart/2005/8/layout/cycle1"/>
    <dgm:cxn modelId="{D09E4E13-F787-4637-ABBF-E090E4A16CD7}" type="presParOf" srcId="{DDBF8454-DA3E-4A52-AAC6-DD34AD053359}" destId="{C762F9EB-5631-44B4-A0D3-C2F61B00F6E9}" srcOrd="1" destOrd="0" presId="urn:microsoft.com/office/officeart/2005/8/layout/cycle1"/>
    <dgm:cxn modelId="{728AC7D7-80EA-4214-B38D-FFFE4F685293}" type="presParOf" srcId="{DDBF8454-DA3E-4A52-AAC6-DD34AD053359}" destId="{FFCA20AD-A776-4576-A7CA-E135F2D917BC}" srcOrd="2" destOrd="0" presId="urn:microsoft.com/office/officeart/2005/8/layout/cycle1"/>
    <dgm:cxn modelId="{57A79A62-BEE6-452C-99FF-2993F0A82633}" type="presParOf" srcId="{DDBF8454-DA3E-4A52-AAC6-DD34AD053359}" destId="{2FA22527-7EF0-49CE-A7E0-74DA419DE9DD}" srcOrd="3" destOrd="0" presId="urn:microsoft.com/office/officeart/2005/8/layout/cycle1"/>
    <dgm:cxn modelId="{BA697B77-1D50-44EB-9968-1AAA6E7637EA}" type="presParOf" srcId="{DDBF8454-DA3E-4A52-AAC6-DD34AD053359}" destId="{EF05E807-DB45-437D-A6C4-7B1A7205E998}" srcOrd="4" destOrd="0" presId="urn:microsoft.com/office/officeart/2005/8/layout/cycle1"/>
    <dgm:cxn modelId="{2D38A24A-E9FC-41CA-B2E5-314A5D00553B}" type="presParOf" srcId="{DDBF8454-DA3E-4A52-AAC6-DD34AD053359}" destId="{C4F5941B-5AF7-4CA1-9D45-567306F23F0C}" srcOrd="5" destOrd="0" presId="urn:microsoft.com/office/officeart/2005/8/layout/cycle1"/>
    <dgm:cxn modelId="{93AB84DE-C49B-4CE1-BDD6-FC5B645CC390}" type="presParOf" srcId="{DDBF8454-DA3E-4A52-AAC6-DD34AD053359}" destId="{B30AC497-CD9D-4B3D-89F7-F0FA63B986A2}" srcOrd="6" destOrd="0" presId="urn:microsoft.com/office/officeart/2005/8/layout/cycle1"/>
    <dgm:cxn modelId="{E2362DF0-3B1C-4DD3-B0B6-A25E83CC06C2}" type="presParOf" srcId="{DDBF8454-DA3E-4A52-AAC6-DD34AD053359}" destId="{66AEB7DF-929F-45AC-BD01-D1FF7A0AA728}" srcOrd="7" destOrd="0" presId="urn:microsoft.com/office/officeart/2005/8/layout/cycle1"/>
    <dgm:cxn modelId="{932260F2-4D32-47D3-98BC-CB724383FB37}" type="presParOf" srcId="{DDBF8454-DA3E-4A52-AAC6-DD34AD053359}" destId="{04948AC0-E1C9-4BC4-B4A5-2DE658B32BA5}" srcOrd="8" destOrd="0" presId="urn:microsoft.com/office/officeart/2005/8/layout/cycle1"/>
    <dgm:cxn modelId="{48B05EF2-8D05-4E5F-8F31-7CCA9410D256}" type="presParOf" srcId="{DDBF8454-DA3E-4A52-AAC6-DD34AD053359}" destId="{CAF0ED37-9786-45AD-A106-F84219175FF7}" srcOrd="9" destOrd="0" presId="urn:microsoft.com/office/officeart/2005/8/layout/cycle1"/>
    <dgm:cxn modelId="{B35D235E-F08F-41E3-9F75-C5F6783D390F}" type="presParOf" srcId="{DDBF8454-DA3E-4A52-AAC6-DD34AD053359}" destId="{8D2F85B0-779F-4AED-865F-B47AB75ABED3}" srcOrd="10" destOrd="0" presId="urn:microsoft.com/office/officeart/2005/8/layout/cycle1"/>
    <dgm:cxn modelId="{8BB42274-46F0-4502-9E9D-56B6A62467D5}" type="presParOf" srcId="{DDBF8454-DA3E-4A52-AAC6-DD34AD053359}" destId="{4E044C2D-A11C-4BB1-8CAD-7ED5343730A1}" srcOrd="11" destOrd="0" presId="urn:microsoft.com/office/officeart/2005/8/layout/cycle1"/>
    <dgm:cxn modelId="{95A8DEF4-460A-4AF2-AC1F-D7BBBD45532C}" type="presParOf" srcId="{DDBF8454-DA3E-4A52-AAC6-DD34AD053359}" destId="{C8F86AD4-767B-42FF-8FA7-04A0AF1D389F}" srcOrd="12" destOrd="0" presId="urn:microsoft.com/office/officeart/2005/8/layout/cycle1"/>
    <dgm:cxn modelId="{C36DBD8A-4547-4B1C-8E57-285F862E4913}" type="presParOf" srcId="{DDBF8454-DA3E-4A52-AAC6-DD34AD053359}" destId="{0940C94C-0BB5-44FE-BF05-97803DA086AA}" srcOrd="13" destOrd="0" presId="urn:microsoft.com/office/officeart/2005/8/layout/cycle1"/>
    <dgm:cxn modelId="{4A197617-FF7F-4271-8809-0990981576C3}" type="presParOf" srcId="{DDBF8454-DA3E-4A52-AAC6-DD34AD053359}" destId="{E098609D-7E47-4C14-9813-529DFC4B7E4D}" srcOrd="14" destOrd="0" presId="urn:microsoft.com/office/officeart/2005/8/layout/cycle1"/>
    <dgm:cxn modelId="{B367B5E2-87C5-4F36-930B-6E257847884C}" type="presParOf" srcId="{DDBF8454-DA3E-4A52-AAC6-DD34AD053359}" destId="{E3F4FFD7-45B1-4487-81EB-DBD423548A26}" srcOrd="15" destOrd="0" presId="urn:microsoft.com/office/officeart/2005/8/layout/cycle1"/>
    <dgm:cxn modelId="{35557A25-B34A-4E29-9554-1D79D2AD63B6}" type="presParOf" srcId="{DDBF8454-DA3E-4A52-AAC6-DD34AD053359}" destId="{FB94C7DE-E8B2-4342-902B-1E55D97EDC91}" srcOrd="16" destOrd="0" presId="urn:microsoft.com/office/officeart/2005/8/layout/cycle1"/>
    <dgm:cxn modelId="{1E3B271C-9BA5-4A84-986E-26D4BE2334E7}" type="presParOf" srcId="{DDBF8454-DA3E-4A52-AAC6-DD34AD053359}" destId="{3437F08F-B124-4AAF-B7C5-91F8A840E0F8}" srcOrd="17" destOrd="0" presId="urn:microsoft.com/office/officeart/2005/8/layout/cycle1"/>
    <dgm:cxn modelId="{C1E1EE3E-BEB4-479D-AF41-7F435F121A72}" type="presParOf" srcId="{DDBF8454-DA3E-4A52-AAC6-DD34AD053359}" destId="{733A0D6E-51E1-4FF1-98BB-72C33DC49DE0}" srcOrd="18" destOrd="0" presId="urn:microsoft.com/office/officeart/2005/8/layout/cycle1"/>
    <dgm:cxn modelId="{29A62D71-3088-45CF-A828-82388A770BDE}" type="presParOf" srcId="{DDBF8454-DA3E-4A52-AAC6-DD34AD053359}" destId="{39F0A454-28F0-4EB8-89CE-DC3C60E04534}" srcOrd="19" destOrd="0" presId="urn:microsoft.com/office/officeart/2005/8/layout/cycle1"/>
    <dgm:cxn modelId="{DE31A996-3A61-483C-B437-BE55BDBF460B}" type="presParOf" srcId="{DDBF8454-DA3E-4A52-AAC6-DD34AD053359}" destId="{DC7A1E8E-1CA4-4F0E-AF63-073035099ED2}" srcOrd="20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Oversight of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and Ops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IT Operations Team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smtClean="0">
              <a:latin typeface="Calibri" panose="020F0502020204030204" pitchFamily="34" charset="0"/>
            </a:rPr>
            <a:t>SEMS </a:t>
          </a:r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/Division teams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Focused on Production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E59ECFEB-8A7C-4353-A8F9-9699DEF4AC7E}" type="presOf" srcId="{5D04C2AD-0F68-453D-A4A4-4BB89260F66F}" destId="{DC30F273-7D6D-4A7F-A069-079D69D90BA5}" srcOrd="0" destOrd="0" presId="urn:microsoft.com/office/officeart/2008/layout/AlternatingHexagons"/>
    <dgm:cxn modelId="{AC76F666-220A-48E8-96BB-DB366ACBA3CB}" type="presOf" srcId="{43CC2B94-D939-44DA-989B-01D0055B8564}" destId="{000CBFFC-8D67-49A8-BDA6-9F9EF4AEA9F1}" srcOrd="0" destOrd="2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7EF54FA9-4E72-423E-91D6-42626964A261}" type="presOf" srcId="{7AEDCFDE-4E99-4966-85AA-5CA85C28CA8F}" destId="{B532EDDD-877B-4CF9-8CB0-A8704E7C502B}" srcOrd="0" destOrd="1" presId="urn:microsoft.com/office/officeart/2008/layout/AlternatingHexagons"/>
    <dgm:cxn modelId="{EA4C595E-77C8-447A-A213-416E8A8BD651}" type="presOf" srcId="{8DED0216-C58E-48B8-8B79-23A121BB2168}" destId="{BBA0B347-B5B6-4E0B-A97F-103907995746}" srcOrd="0" destOrd="0" presId="urn:microsoft.com/office/officeart/2008/layout/AlternatingHexagons"/>
    <dgm:cxn modelId="{264F714D-920B-49AC-A657-5459E25CA50A}" type="presOf" srcId="{9FE53E70-F2F1-435E-B440-F308C9D2830E}" destId="{9AA48EFC-0032-4187-B3FA-D32EF00D6F13}" srcOrd="0" destOrd="0" presId="urn:microsoft.com/office/officeart/2008/layout/AlternatingHexagons"/>
    <dgm:cxn modelId="{9E1CF9CE-8917-4C60-BF27-8805F942B004}" type="presOf" srcId="{2A5D98F7-22C9-4081-9908-0DC5D9880197}" destId="{000CBFFC-8D67-49A8-BDA6-9F9EF4AEA9F1}" srcOrd="0" destOrd="3" presId="urn:microsoft.com/office/officeart/2008/layout/AlternatingHexagons"/>
    <dgm:cxn modelId="{AA3DB07C-5E52-465B-9C05-200D4CD2830C}" type="presOf" srcId="{5AC2B5A1-E0AB-414B-B4A4-31C27D50C96F}" destId="{33A0B55F-2E99-4CD6-8EAA-5F285795D8E6}" srcOrd="0" destOrd="0" presId="urn:microsoft.com/office/officeart/2008/layout/AlternatingHexagons"/>
    <dgm:cxn modelId="{707C144B-2864-4A65-8320-D5BC75472F21}" type="presOf" srcId="{BFF6D2FD-CC20-49CB-8EE7-C80C6AED2CB4}" destId="{B532EDDD-877B-4CF9-8CB0-A8704E7C502B}" srcOrd="0" destOrd="2" presId="urn:microsoft.com/office/officeart/2008/layout/AlternatingHexagons"/>
    <dgm:cxn modelId="{33ED8BAB-23A4-44D0-8155-82957B267B6F}" type="presOf" srcId="{09606399-85D2-4117-90D7-980B573330C2}" destId="{000CBFFC-8D67-49A8-BDA6-9F9EF4AEA9F1}" srcOrd="0" destOrd="0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11E14A90-1D9D-4A77-BB9C-9A1715F42931}" type="presOf" srcId="{2CB3E2AE-A09E-435B-BB30-A98DDDCC73D6}" destId="{4C474B45-487B-47AA-8B8A-A1FD062ED345}" srcOrd="0" destOrd="0" presId="urn:microsoft.com/office/officeart/2008/layout/AlternatingHexagons"/>
    <dgm:cxn modelId="{B65AB91A-A6BE-4BDF-926B-43790B7D7032}" type="presOf" srcId="{78ADC5D3-44AA-4AA6-8750-84CE002F29C7}" destId="{DC070852-9A92-41FA-89E5-9AD3CFD31E9B}" srcOrd="0" destOrd="0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B732BA57-A998-4E6D-8C55-D1DAC98FB7C6}" type="presOf" srcId="{C6CE160B-9EE5-42C8-A1DB-23C725361F60}" destId="{52BF5CDE-2645-4F1A-88AB-E5409244210A}" srcOrd="0" destOrd="0" presId="urn:microsoft.com/office/officeart/2008/layout/AlternatingHexagons"/>
    <dgm:cxn modelId="{2DB5B651-9493-4661-BE79-5567CF20661E}" type="presOf" srcId="{6A6A845B-C485-4B12-84A5-5760DB971572}" destId="{005D2D57-D0E3-42FF-AF8F-26F66AA0AF9C}" srcOrd="0" destOrd="0" presId="urn:microsoft.com/office/officeart/2008/layout/AlternatingHexagons"/>
    <dgm:cxn modelId="{B26B266D-C709-46A9-A8CA-46A449416C39}" type="presOf" srcId="{23434BEA-2C77-4A92-BB95-DEFD50495BCB}" destId="{000CBFFC-8D67-49A8-BDA6-9F9EF4AEA9F1}" srcOrd="0" destOrd="1" presId="urn:microsoft.com/office/officeart/2008/layout/AlternatingHexagons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5159F672-7D8B-4026-9A49-375E1D5C4728}" type="presOf" srcId="{BCFADF05-5797-449D-A628-CDCEA629AF5C}" destId="{B532EDDD-877B-4CF9-8CB0-A8704E7C502B}" srcOrd="0" destOrd="0" presId="urn:microsoft.com/office/officeart/2008/layout/AlternatingHexagons"/>
    <dgm:cxn modelId="{8B35FAE4-DAA6-44EF-8A35-765D98BCE618}" type="presParOf" srcId="{DC070852-9A92-41FA-89E5-9AD3CFD31E9B}" destId="{E61C62C3-E5D3-4D9C-97A9-9B09A4D0901B}" srcOrd="0" destOrd="0" presId="urn:microsoft.com/office/officeart/2008/layout/AlternatingHexagons"/>
    <dgm:cxn modelId="{461A667D-0AEF-4086-B314-E5D5858AF139}" type="presParOf" srcId="{E61C62C3-E5D3-4D9C-97A9-9B09A4D0901B}" destId="{005D2D57-D0E3-42FF-AF8F-26F66AA0AF9C}" srcOrd="0" destOrd="0" presId="urn:microsoft.com/office/officeart/2008/layout/AlternatingHexagons"/>
    <dgm:cxn modelId="{A68D21C9-7E66-426C-A228-27B9A4524CA4}" type="presParOf" srcId="{E61C62C3-E5D3-4D9C-97A9-9B09A4D0901B}" destId="{DC30F273-7D6D-4A7F-A069-079D69D90BA5}" srcOrd="1" destOrd="0" presId="urn:microsoft.com/office/officeart/2008/layout/AlternatingHexagons"/>
    <dgm:cxn modelId="{BC9D9085-4C07-483E-B59C-F85C49E746F2}" type="presParOf" srcId="{E61C62C3-E5D3-4D9C-97A9-9B09A4D0901B}" destId="{5694028D-0188-48D3-AE85-74923E682313}" srcOrd="2" destOrd="0" presId="urn:microsoft.com/office/officeart/2008/layout/AlternatingHexagons"/>
    <dgm:cxn modelId="{74472E5E-1576-431F-9F1D-EA2B5065068C}" type="presParOf" srcId="{E61C62C3-E5D3-4D9C-97A9-9B09A4D0901B}" destId="{4792A7E1-B5E7-43F9-BD7F-D23761C169D6}" srcOrd="3" destOrd="0" presId="urn:microsoft.com/office/officeart/2008/layout/AlternatingHexagons"/>
    <dgm:cxn modelId="{1F22374E-3532-4556-BA40-8C717D2AB0EF}" type="presParOf" srcId="{E61C62C3-E5D3-4D9C-97A9-9B09A4D0901B}" destId="{52BF5CDE-2645-4F1A-88AB-E5409244210A}" srcOrd="4" destOrd="0" presId="urn:microsoft.com/office/officeart/2008/layout/AlternatingHexagons"/>
    <dgm:cxn modelId="{4379D181-9246-4C28-B039-8C899C8B6C56}" type="presParOf" srcId="{DC070852-9A92-41FA-89E5-9AD3CFD31E9B}" destId="{5AEC5B74-9849-4FAF-AFE6-98E9A36D91FA}" srcOrd="1" destOrd="0" presId="urn:microsoft.com/office/officeart/2008/layout/AlternatingHexagons"/>
    <dgm:cxn modelId="{02631D91-85E1-44C8-AE1F-2B75236DEEF2}" type="presParOf" srcId="{DC070852-9A92-41FA-89E5-9AD3CFD31E9B}" destId="{F9530DCC-8C2F-4627-8F8D-D47C24067A02}" srcOrd="2" destOrd="0" presId="urn:microsoft.com/office/officeart/2008/layout/AlternatingHexagons"/>
    <dgm:cxn modelId="{E274BD80-5EB7-475D-A9E7-F1EAD13FDC86}" type="presParOf" srcId="{F9530DCC-8C2F-4627-8F8D-D47C24067A02}" destId="{33A0B55F-2E99-4CD6-8EAA-5F285795D8E6}" srcOrd="0" destOrd="0" presId="urn:microsoft.com/office/officeart/2008/layout/AlternatingHexagons"/>
    <dgm:cxn modelId="{C5BF59D2-3E3C-4B1B-A456-5A523989EF58}" type="presParOf" srcId="{F9530DCC-8C2F-4627-8F8D-D47C24067A02}" destId="{000CBFFC-8D67-49A8-BDA6-9F9EF4AEA9F1}" srcOrd="1" destOrd="0" presId="urn:microsoft.com/office/officeart/2008/layout/AlternatingHexagons"/>
    <dgm:cxn modelId="{FEE05618-C589-4508-87C1-7E2125EE6FBF}" type="presParOf" srcId="{F9530DCC-8C2F-4627-8F8D-D47C24067A02}" destId="{90252E1F-3F9A-4B98-8EF5-B55CFC347DC3}" srcOrd="2" destOrd="0" presId="urn:microsoft.com/office/officeart/2008/layout/AlternatingHexagons"/>
    <dgm:cxn modelId="{67A76061-BDB1-4B41-9296-F01124761FEB}" type="presParOf" srcId="{F9530DCC-8C2F-4627-8F8D-D47C24067A02}" destId="{A19DE30B-C814-4C20-93F3-9364268E7206}" srcOrd="3" destOrd="0" presId="urn:microsoft.com/office/officeart/2008/layout/AlternatingHexagons"/>
    <dgm:cxn modelId="{E98B3AA2-883D-43EA-8F35-AAE373E37DA7}" type="presParOf" srcId="{F9530DCC-8C2F-4627-8F8D-D47C24067A02}" destId="{BBA0B347-B5B6-4E0B-A97F-103907995746}" srcOrd="4" destOrd="0" presId="urn:microsoft.com/office/officeart/2008/layout/AlternatingHexagons"/>
    <dgm:cxn modelId="{7592D381-8808-4584-84E1-99B19BD4945E}" type="presParOf" srcId="{DC070852-9A92-41FA-89E5-9AD3CFD31E9B}" destId="{4C6E3374-CCF6-424C-A56B-E13DC3A6E199}" srcOrd="3" destOrd="0" presId="urn:microsoft.com/office/officeart/2008/layout/AlternatingHexagons"/>
    <dgm:cxn modelId="{C6D1F80F-D476-49BB-8D43-227B5E56DBC6}" type="presParOf" srcId="{DC070852-9A92-41FA-89E5-9AD3CFD31E9B}" destId="{846C21E5-5E86-406B-9C49-7B628177D88D}" srcOrd="4" destOrd="0" presId="urn:microsoft.com/office/officeart/2008/layout/AlternatingHexagons"/>
    <dgm:cxn modelId="{074D891A-6039-41BA-B18D-CEE36C02E2C7}" type="presParOf" srcId="{846C21E5-5E86-406B-9C49-7B628177D88D}" destId="{4C474B45-487B-47AA-8B8A-A1FD062ED345}" srcOrd="0" destOrd="0" presId="urn:microsoft.com/office/officeart/2008/layout/AlternatingHexagons"/>
    <dgm:cxn modelId="{7D30D166-724B-4C8C-BCBF-143A620B1249}" type="presParOf" srcId="{846C21E5-5E86-406B-9C49-7B628177D88D}" destId="{B532EDDD-877B-4CF9-8CB0-A8704E7C502B}" srcOrd="1" destOrd="0" presId="urn:microsoft.com/office/officeart/2008/layout/AlternatingHexagons"/>
    <dgm:cxn modelId="{DC04A8E7-42BD-4DA0-9F62-8FEF41107BD2}" type="presParOf" srcId="{846C21E5-5E86-406B-9C49-7B628177D88D}" destId="{8E6C81AE-1760-451A-AF5C-45D4C13B7D46}" srcOrd="2" destOrd="0" presId="urn:microsoft.com/office/officeart/2008/layout/AlternatingHexagons"/>
    <dgm:cxn modelId="{857DA99A-4D91-46AD-99D7-485927BCA4A9}" type="presParOf" srcId="{846C21E5-5E86-406B-9C49-7B628177D88D}" destId="{378298D3-8F1A-41AF-870C-29E8251BE26F}" srcOrd="3" destOrd="0" presId="urn:microsoft.com/office/officeart/2008/layout/AlternatingHexagons"/>
    <dgm:cxn modelId="{CDA76BDA-44F8-4448-8488-F8DB46FDD5E8}" type="presParOf" srcId="{846C21E5-5E86-406B-9C49-7B628177D88D}" destId="{9AA48EFC-0032-4187-B3FA-D32EF00D6F13}" srcOrd="4" destOrd="0" presId="urn:microsoft.com/office/officeart/2008/layout/AlternatingHexagons"/>
  </dgm:cxnLst>
  <dgm:bg>
    <a:effectLst>
      <a:outerShdw blurRad="50800" dist="38100" dir="2700000" algn="tl" rotWithShape="0">
        <a:prstClr val="black">
          <a:alpha val="40000"/>
        </a:prstClr>
      </a:outerShdw>
    </a:effectLst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10FB8B3-7826-447A-A3B6-E967158C2BB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FA317FC-72DC-41A0-853D-4660559DC89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Define</a:t>
          </a:r>
          <a:endParaRPr lang="en-US" dirty="0"/>
        </a:p>
      </dgm:t>
    </dgm:pt>
    <dgm:pt modelId="{217F0E9C-2EB4-405A-9F9A-5C65B800B3E5}" type="parTrans" cxnId="{F5A0ED08-DB79-41AE-87AD-C417BACAE1F7}">
      <dgm:prSet/>
      <dgm:spPr/>
      <dgm:t>
        <a:bodyPr/>
        <a:lstStyle/>
        <a:p>
          <a:endParaRPr lang="en-US"/>
        </a:p>
      </dgm:t>
    </dgm:pt>
    <dgm:pt modelId="{39246933-FDAE-4788-A79D-5947237220D8}" type="sibTrans" cxnId="{F5A0ED08-DB79-41AE-87AD-C417BACAE1F7}">
      <dgm:prSet/>
      <dgm:spPr/>
      <dgm:t>
        <a:bodyPr/>
        <a:lstStyle/>
        <a:p>
          <a:endParaRPr lang="en-US"/>
        </a:p>
      </dgm:t>
    </dgm:pt>
    <dgm:pt modelId="{923886F4-B563-421E-9B72-4738DE71E23D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mplementation</a:t>
          </a:r>
          <a:endParaRPr lang="en-US" dirty="0"/>
        </a:p>
      </dgm:t>
    </dgm:pt>
    <dgm:pt modelId="{8CDF02C7-E512-4C6C-AA11-D249980A80F8}" type="parTrans" cxnId="{71CD80F5-0761-490E-95E1-C7EEF00F26AF}">
      <dgm:prSet/>
      <dgm:spPr/>
      <dgm:t>
        <a:bodyPr/>
        <a:lstStyle/>
        <a:p>
          <a:endParaRPr lang="en-US"/>
        </a:p>
      </dgm:t>
    </dgm:pt>
    <dgm:pt modelId="{004A81DE-D4C8-46BD-890D-7D1B6853B50B}" type="sibTrans" cxnId="{71CD80F5-0761-490E-95E1-C7EEF00F26AF}">
      <dgm:prSet/>
      <dgm:spPr/>
      <dgm:t>
        <a:bodyPr/>
        <a:lstStyle/>
        <a:p>
          <a:endParaRPr lang="en-US"/>
        </a:p>
      </dgm:t>
    </dgm:pt>
    <dgm:pt modelId="{8289D086-AE90-4391-9EDD-CDB0166C58A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Ongoing</a:t>
          </a:r>
          <a:endParaRPr lang="en-US" dirty="0"/>
        </a:p>
      </dgm:t>
    </dgm:pt>
    <dgm:pt modelId="{04D47571-F027-465E-8833-DC9C993EEF9B}" type="parTrans" cxnId="{A214B76B-C2CF-4F2C-895F-94AB4202A2EA}">
      <dgm:prSet/>
      <dgm:spPr/>
      <dgm:t>
        <a:bodyPr/>
        <a:lstStyle/>
        <a:p>
          <a:endParaRPr lang="en-US"/>
        </a:p>
      </dgm:t>
    </dgm:pt>
    <dgm:pt modelId="{FE27ABF5-453B-4C49-A255-219ADEED8A8F}" type="sibTrans" cxnId="{A214B76B-C2CF-4F2C-895F-94AB4202A2EA}">
      <dgm:prSet/>
      <dgm:spPr/>
      <dgm:t>
        <a:bodyPr/>
        <a:lstStyle/>
        <a:p>
          <a:endParaRPr lang="en-US"/>
        </a:p>
      </dgm:t>
    </dgm:pt>
    <dgm:pt modelId="{5FBD5D75-BD2E-40BB-BDB9-7AE8789C2AE2}" type="pres">
      <dgm:prSet presAssocID="{210FB8B3-7826-447A-A3B6-E967158C2BB4}" presName="CompostProcess" presStyleCnt="0">
        <dgm:presLayoutVars>
          <dgm:dir/>
          <dgm:resizeHandles val="exact"/>
        </dgm:presLayoutVars>
      </dgm:prSet>
      <dgm:spPr/>
    </dgm:pt>
    <dgm:pt modelId="{60F6293D-7CED-4FB5-9A78-C24C18D69836}" type="pres">
      <dgm:prSet presAssocID="{210FB8B3-7826-447A-A3B6-E967158C2BB4}" presName="arrow" presStyleLbl="bgShp" presStyleIdx="0" presStyleCnt="1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6C6212C6-6EB9-4ADA-A6EC-9C61B1269B7B}" type="pres">
      <dgm:prSet presAssocID="{210FB8B3-7826-447A-A3B6-E967158C2BB4}" presName="linearProcess" presStyleCnt="0"/>
      <dgm:spPr/>
    </dgm:pt>
    <dgm:pt modelId="{FB37F7FC-B871-4E26-BEEB-81B365948334}" type="pres">
      <dgm:prSet presAssocID="{3FA317FC-72DC-41A0-853D-4660559DC893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3E61193-57E5-4445-8513-9E6F05A87B5F}" type="pres">
      <dgm:prSet presAssocID="{39246933-FDAE-4788-A79D-5947237220D8}" presName="sibTrans" presStyleCnt="0"/>
      <dgm:spPr/>
    </dgm:pt>
    <dgm:pt modelId="{B7C1F5F4-48CB-4BA1-A83A-C730E523330A}" type="pres">
      <dgm:prSet presAssocID="{923886F4-B563-421E-9B72-4738DE71E23D}" presName="text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21F0CBE-C5A2-46A8-BD68-C858B9B3C988}" type="pres">
      <dgm:prSet presAssocID="{004A81DE-D4C8-46BD-890D-7D1B6853B50B}" presName="sibTrans" presStyleCnt="0"/>
      <dgm:spPr/>
    </dgm:pt>
    <dgm:pt modelId="{DB77C8B1-A499-4882-BDE5-363C7235FE10}" type="pres">
      <dgm:prSet presAssocID="{8289D086-AE90-4391-9EDD-CDB0166C58AE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1CD80F5-0761-490E-95E1-C7EEF00F26AF}" srcId="{210FB8B3-7826-447A-A3B6-E967158C2BB4}" destId="{923886F4-B563-421E-9B72-4738DE71E23D}" srcOrd="1" destOrd="0" parTransId="{8CDF02C7-E512-4C6C-AA11-D249980A80F8}" sibTransId="{004A81DE-D4C8-46BD-890D-7D1B6853B50B}"/>
    <dgm:cxn modelId="{A214B76B-C2CF-4F2C-895F-94AB4202A2EA}" srcId="{210FB8B3-7826-447A-A3B6-E967158C2BB4}" destId="{8289D086-AE90-4391-9EDD-CDB0166C58AE}" srcOrd="2" destOrd="0" parTransId="{04D47571-F027-465E-8833-DC9C993EEF9B}" sibTransId="{FE27ABF5-453B-4C49-A255-219ADEED8A8F}"/>
    <dgm:cxn modelId="{A72E507A-B92C-441C-81AF-F4D9E4E7C604}" type="presOf" srcId="{3FA317FC-72DC-41A0-853D-4660559DC893}" destId="{FB37F7FC-B871-4E26-BEEB-81B365948334}" srcOrd="0" destOrd="0" presId="urn:microsoft.com/office/officeart/2005/8/layout/hProcess9"/>
    <dgm:cxn modelId="{F5A0ED08-DB79-41AE-87AD-C417BACAE1F7}" srcId="{210FB8B3-7826-447A-A3B6-E967158C2BB4}" destId="{3FA317FC-72DC-41A0-853D-4660559DC893}" srcOrd="0" destOrd="0" parTransId="{217F0E9C-2EB4-405A-9F9A-5C65B800B3E5}" sibTransId="{39246933-FDAE-4788-A79D-5947237220D8}"/>
    <dgm:cxn modelId="{EA8BCF8B-B55F-4FBE-9EA1-68BCA15D38A7}" type="presOf" srcId="{8289D086-AE90-4391-9EDD-CDB0166C58AE}" destId="{DB77C8B1-A499-4882-BDE5-363C7235FE10}" srcOrd="0" destOrd="0" presId="urn:microsoft.com/office/officeart/2005/8/layout/hProcess9"/>
    <dgm:cxn modelId="{C4849581-61D5-4B61-8561-47F826B72BC6}" type="presOf" srcId="{923886F4-B563-421E-9B72-4738DE71E23D}" destId="{B7C1F5F4-48CB-4BA1-A83A-C730E523330A}" srcOrd="0" destOrd="0" presId="urn:microsoft.com/office/officeart/2005/8/layout/hProcess9"/>
    <dgm:cxn modelId="{B55FD6CF-33DF-4BE3-912A-9FE72E228093}" type="presOf" srcId="{210FB8B3-7826-447A-A3B6-E967158C2BB4}" destId="{5FBD5D75-BD2E-40BB-BDB9-7AE8789C2AE2}" srcOrd="0" destOrd="0" presId="urn:microsoft.com/office/officeart/2005/8/layout/hProcess9"/>
    <dgm:cxn modelId="{3B361C92-2D96-457C-985D-89CD71AC6892}" type="presParOf" srcId="{5FBD5D75-BD2E-40BB-BDB9-7AE8789C2AE2}" destId="{60F6293D-7CED-4FB5-9A78-C24C18D69836}" srcOrd="0" destOrd="0" presId="urn:microsoft.com/office/officeart/2005/8/layout/hProcess9"/>
    <dgm:cxn modelId="{EF595E6A-B6F6-46BB-B492-9ED62EF5C714}" type="presParOf" srcId="{5FBD5D75-BD2E-40BB-BDB9-7AE8789C2AE2}" destId="{6C6212C6-6EB9-4ADA-A6EC-9C61B1269B7B}" srcOrd="1" destOrd="0" presId="urn:microsoft.com/office/officeart/2005/8/layout/hProcess9"/>
    <dgm:cxn modelId="{B55E1283-987B-45D8-B221-C8DEB22EACDC}" type="presParOf" srcId="{6C6212C6-6EB9-4ADA-A6EC-9C61B1269B7B}" destId="{FB37F7FC-B871-4E26-BEEB-81B365948334}" srcOrd="0" destOrd="0" presId="urn:microsoft.com/office/officeart/2005/8/layout/hProcess9"/>
    <dgm:cxn modelId="{3E15FAA1-81E0-4382-8817-9FCE4D8B8D61}" type="presParOf" srcId="{6C6212C6-6EB9-4ADA-A6EC-9C61B1269B7B}" destId="{C3E61193-57E5-4445-8513-9E6F05A87B5F}" srcOrd="1" destOrd="0" presId="urn:microsoft.com/office/officeart/2005/8/layout/hProcess9"/>
    <dgm:cxn modelId="{BE837C4A-3C9E-4716-8414-832E96A4C516}" type="presParOf" srcId="{6C6212C6-6EB9-4ADA-A6EC-9C61B1269B7B}" destId="{B7C1F5F4-48CB-4BA1-A83A-C730E523330A}" srcOrd="2" destOrd="0" presId="urn:microsoft.com/office/officeart/2005/8/layout/hProcess9"/>
    <dgm:cxn modelId="{FB8A8509-7FDB-407C-8E71-470443DD85D8}" type="presParOf" srcId="{6C6212C6-6EB9-4ADA-A6EC-9C61B1269B7B}" destId="{B21F0CBE-C5A2-46A8-BD68-C858B9B3C988}" srcOrd="3" destOrd="0" presId="urn:microsoft.com/office/officeart/2005/8/layout/hProcess9"/>
    <dgm:cxn modelId="{FFF89BE0-4315-43C6-86AA-286FBD9CD834}" type="presParOf" srcId="{6C6212C6-6EB9-4ADA-A6EC-9C61B1269B7B}" destId="{DB77C8B1-A499-4882-BDE5-363C7235FE1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53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1ECEE0FB-78D7-49AD-843A-5AD67392BBA5}" type="doc">
      <dgm:prSet loTypeId="urn:microsoft.com/office/officeart/2005/8/layout/vList5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99DD379-6F04-4D08-AEA9-D9EC217B6961}">
      <dgm:prSet phldrT="[Text]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/>
            <a:t>Trial &amp; Demo - multiple environments</a:t>
          </a:r>
        </a:p>
      </dgm:t>
    </dgm:pt>
    <dgm:pt modelId="{C113DA49-8A81-4318-ACCB-759A0BEB4FE1}" type="parTrans" cxnId="{346F598A-AA37-4DEE-91F4-22A33817BAA1}">
      <dgm:prSet/>
      <dgm:spPr/>
      <dgm:t>
        <a:bodyPr/>
        <a:lstStyle/>
        <a:p>
          <a:endParaRPr lang="en-US"/>
        </a:p>
      </dgm:t>
    </dgm:pt>
    <dgm:pt modelId="{05F8BD42-6860-4DB6-BD69-5E8A85FC23ED}" type="sibTrans" cxnId="{346F598A-AA37-4DEE-91F4-22A33817BAA1}">
      <dgm:prSet/>
      <dgm:spPr/>
      <dgm:t>
        <a:bodyPr/>
        <a:lstStyle/>
        <a:p>
          <a:endParaRPr lang="en-US"/>
        </a:p>
      </dgm:t>
    </dgm:pt>
    <dgm:pt modelId="{EC047C88-C9F7-40B4-830C-3B57B6BB3CA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Single use TFS servers for demos &amp; trial use</a:t>
          </a:r>
        </a:p>
      </dgm:t>
    </dgm:pt>
    <dgm:pt modelId="{487CC819-E6E4-43AA-9F29-0F6B00D0BB4F}" type="parTrans" cxnId="{F18DB47E-CFD3-4EAF-81E8-B8AA6975CA67}">
      <dgm:prSet/>
      <dgm:spPr/>
      <dgm:t>
        <a:bodyPr/>
        <a:lstStyle/>
        <a:p>
          <a:endParaRPr lang="en-US"/>
        </a:p>
      </dgm:t>
    </dgm:pt>
    <dgm:pt modelId="{267D64D8-2E7A-4CE0-AE63-509C3D15DFC9}" type="sibTrans" cxnId="{F18DB47E-CFD3-4EAF-81E8-B8AA6975CA67}">
      <dgm:prSet/>
      <dgm:spPr/>
      <dgm:t>
        <a:bodyPr/>
        <a:lstStyle/>
        <a:p>
          <a:endParaRPr lang="en-US"/>
        </a:p>
      </dgm:t>
    </dgm:pt>
    <dgm:pt modelId="{B1FD3A1C-913B-4218-86A1-2FDF96EB64C9}">
      <dgm:prSet phldrT="[Text]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 smtClean="0"/>
            <a:t>DEV </a:t>
          </a:r>
          <a:r>
            <a:rPr lang="en-US" dirty="0"/>
            <a:t>- tfsdev.mmm.com</a:t>
          </a:r>
        </a:p>
      </dgm:t>
    </dgm:pt>
    <dgm:pt modelId="{01140A87-9D52-43D9-B974-80A53E9A3115}" type="parTrans" cxnId="{5B480F81-12CE-46F9-AE23-30415E579B69}">
      <dgm:prSet/>
      <dgm:spPr/>
      <dgm:t>
        <a:bodyPr/>
        <a:lstStyle/>
        <a:p>
          <a:endParaRPr lang="en-US"/>
        </a:p>
      </dgm:t>
    </dgm:pt>
    <dgm:pt modelId="{BE51F20F-6D4C-4424-9C6E-3B0D15233484}" type="sibTrans" cxnId="{5B480F81-12CE-46F9-AE23-30415E579B69}">
      <dgm:prSet/>
      <dgm:spPr/>
      <dgm:t>
        <a:bodyPr/>
        <a:lstStyle/>
        <a:p>
          <a:endParaRPr lang="en-US"/>
        </a:p>
      </dgm:t>
    </dgm:pt>
    <dgm:pt modelId="{E64952FC-7A55-412B-A0A5-E1D2CCD1739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Dual server Application Tier</a:t>
          </a:r>
        </a:p>
      </dgm:t>
    </dgm:pt>
    <dgm:pt modelId="{DB6C1C46-AF30-40B0-A5AA-07423C8661DF}" type="parTrans" cxnId="{6CE8AE08-7A04-4A90-99C7-C66948BC05B3}">
      <dgm:prSet/>
      <dgm:spPr/>
      <dgm:t>
        <a:bodyPr/>
        <a:lstStyle/>
        <a:p>
          <a:endParaRPr lang="en-US"/>
        </a:p>
      </dgm:t>
    </dgm:pt>
    <dgm:pt modelId="{BC81BB55-3D5C-4DAA-933C-A925667D0F40}" type="sibTrans" cxnId="{6CE8AE08-7A04-4A90-99C7-C66948BC05B3}">
      <dgm:prSet/>
      <dgm:spPr/>
      <dgm:t>
        <a:bodyPr/>
        <a:lstStyle/>
        <a:p>
          <a:endParaRPr lang="en-US"/>
        </a:p>
      </dgm:t>
    </dgm:pt>
    <dgm:pt modelId="{DE550586-D5AF-4927-B0CC-0281FDB8C99B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Shared Database instance in IT Databse infrastructure</a:t>
          </a:r>
        </a:p>
      </dgm:t>
    </dgm:pt>
    <dgm:pt modelId="{6EB8C79E-F15F-49DD-8B6F-441F78EB83C0}" type="parTrans" cxnId="{A0514BEE-5F48-4AC9-A0B2-0E61EBCE8EA8}">
      <dgm:prSet/>
      <dgm:spPr/>
      <dgm:t>
        <a:bodyPr/>
        <a:lstStyle/>
        <a:p>
          <a:endParaRPr lang="en-US"/>
        </a:p>
      </dgm:t>
    </dgm:pt>
    <dgm:pt modelId="{2C80762E-3FA9-4D28-BC07-B8F9F70B7B81}" type="sibTrans" cxnId="{A0514BEE-5F48-4AC9-A0B2-0E61EBCE8EA8}">
      <dgm:prSet/>
      <dgm:spPr/>
      <dgm:t>
        <a:bodyPr/>
        <a:lstStyle/>
        <a:p>
          <a:endParaRPr lang="en-US"/>
        </a:p>
      </dgm:t>
    </dgm:pt>
    <dgm:pt modelId="{3B1C5E7E-5A74-4FAD-A9EE-96A1DCF51540}">
      <dgm:prSet phldrT="[Text]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/>
            <a:t>QA - tfsqa.mmm.com</a:t>
          </a:r>
        </a:p>
      </dgm:t>
    </dgm:pt>
    <dgm:pt modelId="{71A672EF-8338-470C-96BF-28A95EC277AD}" type="parTrans" cxnId="{66D8EB1D-10AF-49EF-A76F-1C4121329935}">
      <dgm:prSet/>
      <dgm:spPr/>
      <dgm:t>
        <a:bodyPr/>
        <a:lstStyle/>
        <a:p>
          <a:endParaRPr lang="en-US"/>
        </a:p>
      </dgm:t>
    </dgm:pt>
    <dgm:pt modelId="{7EB8D518-DD8C-460E-AE18-F5857CEE099A}" type="sibTrans" cxnId="{66D8EB1D-10AF-49EF-A76F-1C4121329935}">
      <dgm:prSet/>
      <dgm:spPr/>
      <dgm:t>
        <a:bodyPr/>
        <a:lstStyle/>
        <a:p>
          <a:endParaRPr lang="en-US"/>
        </a:p>
      </dgm:t>
    </dgm:pt>
    <dgm:pt modelId="{0A2BA99C-3CDB-4957-8B31-7A4DFEB0AE8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Dual Server Application Tier in Datacenter</a:t>
          </a:r>
        </a:p>
      </dgm:t>
    </dgm:pt>
    <dgm:pt modelId="{52392FF7-27F3-4286-9FFA-AB72D509B388}" type="parTrans" cxnId="{B40C1A06-E3CC-40AA-812D-21508616A308}">
      <dgm:prSet/>
      <dgm:spPr/>
      <dgm:t>
        <a:bodyPr/>
        <a:lstStyle/>
        <a:p>
          <a:endParaRPr lang="en-US"/>
        </a:p>
      </dgm:t>
    </dgm:pt>
    <dgm:pt modelId="{5E356DFD-3558-4D42-AC9B-9820E3083D9C}" type="sibTrans" cxnId="{B40C1A06-E3CC-40AA-812D-21508616A308}">
      <dgm:prSet/>
      <dgm:spPr/>
      <dgm:t>
        <a:bodyPr/>
        <a:lstStyle/>
        <a:p>
          <a:endParaRPr lang="en-US"/>
        </a:p>
      </dgm:t>
    </dgm:pt>
    <dgm:pt modelId="{F644B728-B6AB-4230-A559-FCAD52765770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/>
            <a:t>Mirrors Prod in functionality</a:t>
          </a:r>
        </a:p>
      </dgm:t>
    </dgm:pt>
    <dgm:pt modelId="{B211BAAB-AF38-4DD1-94FB-25BD8F80F800}" type="parTrans" cxnId="{783F16C9-7892-4B89-B01A-E8B15CBAC3D0}">
      <dgm:prSet/>
      <dgm:spPr/>
      <dgm:t>
        <a:bodyPr/>
        <a:lstStyle/>
        <a:p>
          <a:endParaRPr lang="en-US"/>
        </a:p>
      </dgm:t>
    </dgm:pt>
    <dgm:pt modelId="{B4A4315C-012D-4EC1-A942-61BB20DD327F}" type="sibTrans" cxnId="{783F16C9-7892-4B89-B01A-E8B15CBAC3D0}">
      <dgm:prSet/>
      <dgm:spPr/>
      <dgm:t>
        <a:bodyPr/>
        <a:lstStyle/>
        <a:p>
          <a:endParaRPr lang="en-US"/>
        </a:p>
      </dgm:t>
    </dgm:pt>
    <dgm:pt modelId="{4C50A8B8-E4D9-4B37-8615-A4BCC8B8E35B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/>
            <a:t>Hosted in SEMS infrastructure - not backed up, no redundancy</a:t>
          </a:r>
        </a:p>
      </dgm:t>
    </dgm:pt>
    <dgm:pt modelId="{ED28D0DE-8623-4AB5-8D42-889CF8AA723A}" type="parTrans" cxnId="{3C4BDA60-9001-49C0-83F5-6E939DEED688}">
      <dgm:prSet/>
      <dgm:spPr/>
      <dgm:t>
        <a:bodyPr/>
        <a:lstStyle/>
        <a:p>
          <a:endParaRPr lang="en-US"/>
        </a:p>
      </dgm:t>
    </dgm:pt>
    <dgm:pt modelId="{B0867E96-3C61-433C-BB10-0BE486177198}" type="sibTrans" cxnId="{3C4BDA60-9001-49C0-83F5-6E939DEED688}">
      <dgm:prSet/>
      <dgm:spPr/>
      <dgm:t>
        <a:bodyPr/>
        <a:lstStyle/>
        <a:p>
          <a:endParaRPr lang="en-US"/>
        </a:p>
      </dgm:t>
    </dgm:pt>
    <dgm:pt modelId="{3DA67696-2963-40A3-9D72-89D6D6074F69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 smtClean="0"/>
            <a:t>Shared </a:t>
          </a:r>
          <a:r>
            <a:rPr lang="en-US" dirty="0"/>
            <a:t>SSAS and SSRS</a:t>
          </a:r>
        </a:p>
      </dgm:t>
    </dgm:pt>
    <dgm:pt modelId="{C71F549E-81B9-42D5-8B1F-AA66D42832F2}" type="parTrans" cxnId="{62793F86-51B8-4EE0-A7DA-A98800B29427}">
      <dgm:prSet/>
      <dgm:spPr/>
      <dgm:t>
        <a:bodyPr/>
        <a:lstStyle/>
        <a:p>
          <a:endParaRPr lang="en-US"/>
        </a:p>
      </dgm:t>
    </dgm:pt>
    <dgm:pt modelId="{22FEF438-DF09-4F5B-8DCE-2AA30BE8D4F3}" type="sibTrans" cxnId="{62793F86-51B8-4EE0-A7DA-A98800B29427}">
      <dgm:prSet/>
      <dgm:spPr/>
      <dgm:t>
        <a:bodyPr/>
        <a:lstStyle/>
        <a:p>
          <a:endParaRPr lang="en-US"/>
        </a:p>
      </dgm:t>
    </dgm:pt>
    <dgm:pt modelId="{627578E5-96BA-4B3A-8299-6F20B169B1A0}">
      <dgm:prSet phldrT="[Text]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 smtClean="0"/>
            <a:t>PROD </a:t>
          </a:r>
          <a:r>
            <a:rPr lang="en-US" dirty="0"/>
            <a:t>- tfs.mmm.com</a:t>
          </a:r>
        </a:p>
      </dgm:t>
    </dgm:pt>
    <dgm:pt modelId="{8F0F40EE-4CBC-4FDB-BB58-93C151D8CA68}" type="parTrans" cxnId="{D2B2200D-AEF3-446C-8B05-183787FCBCDA}">
      <dgm:prSet/>
      <dgm:spPr/>
      <dgm:t>
        <a:bodyPr/>
        <a:lstStyle/>
        <a:p>
          <a:endParaRPr lang="en-US"/>
        </a:p>
      </dgm:t>
    </dgm:pt>
    <dgm:pt modelId="{374011AB-B0EB-424E-9184-6D6870C0A3D5}" type="sibTrans" cxnId="{D2B2200D-AEF3-446C-8B05-183787FCBCDA}">
      <dgm:prSet/>
      <dgm:spPr/>
      <dgm:t>
        <a:bodyPr/>
        <a:lstStyle/>
        <a:p>
          <a:endParaRPr lang="en-US"/>
        </a:p>
      </dgm:t>
    </dgm:pt>
    <dgm:pt modelId="{E2640CE3-50BD-42DE-848C-2A34A6F2A7C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Dual Server Application Front Ends</a:t>
          </a:r>
        </a:p>
      </dgm:t>
    </dgm:pt>
    <dgm:pt modelId="{58E30513-BE05-4A7A-8EBC-3A9ACFA20653}" type="parTrans" cxnId="{7EDAE767-140C-489F-9664-3B8A462EB4CA}">
      <dgm:prSet/>
      <dgm:spPr/>
      <dgm:t>
        <a:bodyPr/>
        <a:lstStyle/>
        <a:p>
          <a:endParaRPr lang="en-US"/>
        </a:p>
      </dgm:t>
    </dgm:pt>
    <dgm:pt modelId="{6E80C092-F5AB-441A-9BAB-5DEBCBEAA49C}" type="sibTrans" cxnId="{7EDAE767-140C-489F-9664-3B8A462EB4CA}">
      <dgm:prSet/>
      <dgm:spPr/>
      <dgm:t>
        <a:bodyPr/>
        <a:lstStyle/>
        <a:p>
          <a:endParaRPr lang="en-US"/>
        </a:p>
      </dgm:t>
    </dgm:pt>
    <dgm:pt modelId="{1591C7A6-7062-4505-A363-C09E9A4FD94A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Hosted in 3M Datacenter</a:t>
          </a:r>
        </a:p>
      </dgm:t>
    </dgm:pt>
    <dgm:pt modelId="{F83CAD87-CD62-4878-B20A-D2641626CA9A}" type="parTrans" cxnId="{77597D08-9BAE-4635-9847-80732ABF83EB}">
      <dgm:prSet/>
      <dgm:spPr/>
      <dgm:t>
        <a:bodyPr/>
        <a:lstStyle/>
        <a:p>
          <a:endParaRPr lang="en-US"/>
        </a:p>
      </dgm:t>
    </dgm:pt>
    <dgm:pt modelId="{A666A482-437B-456C-9DFF-0705FD783803}" type="sibTrans" cxnId="{77597D08-9BAE-4635-9847-80732ABF83EB}">
      <dgm:prSet/>
      <dgm:spPr/>
      <dgm:t>
        <a:bodyPr/>
        <a:lstStyle/>
        <a:p>
          <a:endParaRPr lang="en-US"/>
        </a:p>
      </dgm:t>
    </dgm:pt>
    <dgm:pt modelId="{C146EE8A-C02E-4432-A429-6E42B5BDB198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Monitored by SCOM</a:t>
          </a:r>
        </a:p>
      </dgm:t>
    </dgm:pt>
    <dgm:pt modelId="{40AEEAC0-F1A1-402F-9EC7-5125A40F71DB}" type="parTrans" cxnId="{A313389C-04FF-41EC-A697-D3B7C4147123}">
      <dgm:prSet/>
      <dgm:spPr/>
      <dgm:t>
        <a:bodyPr/>
        <a:lstStyle/>
        <a:p>
          <a:endParaRPr lang="en-US"/>
        </a:p>
      </dgm:t>
    </dgm:pt>
    <dgm:pt modelId="{29AE9CAE-9F5A-43E6-9529-9DE60F6A2893}" type="sibTrans" cxnId="{A313389C-04FF-41EC-A697-D3B7C4147123}">
      <dgm:prSet/>
      <dgm:spPr/>
      <dgm:t>
        <a:bodyPr/>
        <a:lstStyle/>
        <a:p>
          <a:endParaRPr lang="en-US"/>
        </a:p>
      </dgm:t>
    </dgm:pt>
    <dgm:pt modelId="{D89A7BC2-BACF-4AA1-B9E0-065F44B9869C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Backed up by IT backup systems</a:t>
          </a:r>
        </a:p>
      </dgm:t>
    </dgm:pt>
    <dgm:pt modelId="{C5EBF473-2542-4B12-8CA4-58021C2510FA}" type="parTrans" cxnId="{A4A74E1A-8DDD-4CEA-B4D9-FCA106C63FA1}">
      <dgm:prSet/>
      <dgm:spPr/>
      <dgm:t>
        <a:bodyPr/>
        <a:lstStyle/>
        <a:p>
          <a:endParaRPr lang="en-US"/>
        </a:p>
      </dgm:t>
    </dgm:pt>
    <dgm:pt modelId="{4CAF1D02-CDB6-4541-A300-AB1BE6EEC861}" type="sibTrans" cxnId="{A4A74E1A-8DDD-4CEA-B4D9-FCA106C63FA1}">
      <dgm:prSet/>
      <dgm:spPr/>
      <dgm:t>
        <a:bodyPr/>
        <a:lstStyle/>
        <a:p>
          <a:endParaRPr lang="en-US"/>
        </a:p>
      </dgm:t>
    </dgm:pt>
    <dgm:pt modelId="{CF012AA7-F3E9-4212-AB55-127CC276CB5B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Database on dedicated database cluster setup and maintained by IT Database team</a:t>
          </a:r>
        </a:p>
      </dgm:t>
    </dgm:pt>
    <dgm:pt modelId="{6D1D70AA-CB6E-46A9-86AB-E2111D3DDA18}" type="parTrans" cxnId="{75FC02EF-3D70-4DD0-A74D-223423D0F0F2}">
      <dgm:prSet/>
      <dgm:spPr/>
      <dgm:t>
        <a:bodyPr/>
        <a:lstStyle/>
        <a:p>
          <a:endParaRPr lang="en-US"/>
        </a:p>
      </dgm:t>
    </dgm:pt>
    <dgm:pt modelId="{B2CD92F9-3A25-44EF-A84B-BFA137B10D96}" type="sibTrans" cxnId="{75FC02EF-3D70-4DD0-A74D-223423D0F0F2}">
      <dgm:prSet/>
      <dgm:spPr/>
      <dgm:t>
        <a:bodyPr/>
        <a:lstStyle/>
        <a:p>
          <a:endParaRPr lang="en-US"/>
        </a:p>
      </dgm:t>
    </dgm:pt>
    <dgm:pt modelId="{532A79ED-755F-43F4-887F-73BD07991C7F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/>
            <a:t>Database on dedicated database cluster setup and maintained by IT Database team</a:t>
          </a:r>
        </a:p>
      </dgm:t>
    </dgm:pt>
    <dgm:pt modelId="{5AE480A4-FAF2-4A57-98D3-68636E66D21C}" type="parTrans" cxnId="{967F4D32-EA23-499E-95A4-8D0D881612C0}">
      <dgm:prSet/>
      <dgm:spPr/>
      <dgm:t>
        <a:bodyPr/>
        <a:lstStyle/>
        <a:p>
          <a:endParaRPr lang="en-US"/>
        </a:p>
      </dgm:t>
    </dgm:pt>
    <dgm:pt modelId="{2E5F4F38-CE3D-4E0F-9E4C-E97633089F18}" type="sibTrans" cxnId="{967F4D32-EA23-499E-95A4-8D0D881612C0}">
      <dgm:prSet/>
      <dgm:spPr/>
      <dgm:t>
        <a:bodyPr/>
        <a:lstStyle/>
        <a:p>
          <a:endParaRPr lang="en-US"/>
        </a:p>
      </dgm:t>
    </dgm:pt>
    <dgm:pt modelId="{9DA709C8-76F8-4892-8025-DD867101C402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dirty="0"/>
            <a:t>Prototype new functionality</a:t>
          </a:r>
        </a:p>
      </dgm:t>
    </dgm:pt>
    <dgm:pt modelId="{E83B8980-2358-461C-BBDA-03F71AEA8282}" type="parTrans" cxnId="{778C3E52-BA2F-434E-8C43-79A87D138BF1}">
      <dgm:prSet/>
      <dgm:spPr/>
      <dgm:t>
        <a:bodyPr/>
        <a:lstStyle/>
        <a:p>
          <a:endParaRPr lang="en-US"/>
        </a:p>
      </dgm:t>
    </dgm:pt>
    <dgm:pt modelId="{32731F8B-F847-4679-B45D-60C867BDD47E}" type="sibTrans" cxnId="{778C3E52-BA2F-434E-8C43-79A87D138BF1}">
      <dgm:prSet/>
      <dgm:spPr/>
      <dgm:t>
        <a:bodyPr/>
        <a:lstStyle/>
        <a:p>
          <a:endParaRPr lang="en-US"/>
        </a:p>
      </dgm:t>
    </dgm:pt>
    <dgm:pt modelId="{3BF39E10-C97F-4924-A373-215FD8759221}" type="pres">
      <dgm:prSet presAssocID="{1ECEE0FB-78D7-49AD-843A-5AD67392BBA5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56B6379C-CE08-4062-B7EA-5E6FBC562C1A}" type="pres">
      <dgm:prSet presAssocID="{799DD379-6F04-4D08-AEA9-D9EC217B6961}" presName="linNode" presStyleCnt="0"/>
      <dgm:spPr/>
    </dgm:pt>
    <dgm:pt modelId="{8FF753A2-4C01-48E1-A998-A057C36B7CA7}" type="pres">
      <dgm:prSet presAssocID="{799DD379-6F04-4D08-AEA9-D9EC217B6961}" presName="parentText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4F2537B-DBDF-4B08-8CEC-59FCA04C914E}" type="pres">
      <dgm:prSet presAssocID="{799DD379-6F04-4D08-AEA9-D9EC217B6961}" presName="descendantText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A525547-4E2B-47A3-9432-4DC8C8A34E4C}" type="pres">
      <dgm:prSet presAssocID="{05F8BD42-6860-4DB6-BD69-5E8A85FC23ED}" presName="sp" presStyleCnt="0"/>
      <dgm:spPr/>
    </dgm:pt>
    <dgm:pt modelId="{BEEB8CB0-AB4F-4B01-920E-839AF6586579}" type="pres">
      <dgm:prSet presAssocID="{B1FD3A1C-913B-4218-86A1-2FDF96EB64C9}" presName="linNode" presStyleCnt="0"/>
      <dgm:spPr/>
    </dgm:pt>
    <dgm:pt modelId="{9034AC31-57E0-4803-AC8A-FFF120E4AEE2}" type="pres">
      <dgm:prSet presAssocID="{B1FD3A1C-913B-4218-86A1-2FDF96EB64C9}" presName="parentText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78D812C-96A1-46F1-AEEC-3B7FCD656B39}" type="pres">
      <dgm:prSet presAssocID="{B1FD3A1C-913B-4218-86A1-2FDF96EB64C9}" presName="descendantText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437FBAF-E923-4E56-82EC-BCB44C0F975F}" type="pres">
      <dgm:prSet presAssocID="{BE51F20F-6D4C-4424-9C6E-3B0D15233484}" presName="sp" presStyleCnt="0"/>
      <dgm:spPr/>
    </dgm:pt>
    <dgm:pt modelId="{4EBC4D61-06F7-4FF2-AB52-01EF5C3839F9}" type="pres">
      <dgm:prSet presAssocID="{3B1C5E7E-5A74-4FAD-A9EE-96A1DCF51540}" presName="linNode" presStyleCnt="0"/>
      <dgm:spPr/>
    </dgm:pt>
    <dgm:pt modelId="{DBCE5869-A7D2-4420-A483-0A50017A07C3}" type="pres">
      <dgm:prSet presAssocID="{3B1C5E7E-5A74-4FAD-A9EE-96A1DCF51540}" presName="parentText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D35F5E6-82B2-40AA-BFA2-3425DB23FA91}" type="pres">
      <dgm:prSet presAssocID="{3B1C5E7E-5A74-4FAD-A9EE-96A1DCF51540}" presName="descendantText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170BAC9-DCAD-4BAF-82DA-4D9DD825FF3C}" type="pres">
      <dgm:prSet presAssocID="{7EB8D518-DD8C-460E-AE18-F5857CEE099A}" presName="sp" presStyleCnt="0"/>
      <dgm:spPr/>
    </dgm:pt>
    <dgm:pt modelId="{D7C18792-2B91-4665-B086-9098215131C1}" type="pres">
      <dgm:prSet presAssocID="{627578E5-96BA-4B3A-8299-6F20B169B1A0}" presName="linNode" presStyleCnt="0"/>
      <dgm:spPr/>
    </dgm:pt>
    <dgm:pt modelId="{E8907B4A-A52D-41CE-B930-676B261E0501}" type="pres">
      <dgm:prSet presAssocID="{627578E5-96BA-4B3A-8299-6F20B169B1A0}" presName="parentText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D70288C-DC41-4EBD-BF72-3C80121E6FFE}" type="pres">
      <dgm:prSet presAssocID="{627578E5-96BA-4B3A-8299-6F20B169B1A0}" presName="descendantText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46F598A-AA37-4DEE-91F4-22A33817BAA1}" srcId="{1ECEE0FB-78D7-49AD-843A-5AD67392BBA5}" destId="{799DD379-6F04-4D08-AEA9-D9EC217B6961}" srcOrd="0" destOrd="0" parTransId="{C113DA49-8A81-4318-ACCB-759A0BEB4FE1}" sibTransId="{05F8BD42-6860-4DB6-BD69-5E8A85FC23ED}"/>
    <dgm:cxn modelId="{D870582A-9207-4248-9024-42ACC119FBAE}" type="presOf" srcId="{0A2BA99C-3CDB-4957-8B31-7A4DFEB0AE8E}" destId="{AD35F5E6-82B2-40AA-BFA2-3425DB23FA91}" srcOrd="0" destOrd="0" presId="urn:microsoft.com/office/officeart/2005/8/layout/vList5"/>
    <dgm:cxn modelId="{A313389C-04FF-41EC-A697-D3B7C4147123}" srcId="{627578E5-96BA-4B3A-8299-6F20B169B1A0}" destId="{C146EE8A-C02E-4432-A429-6E42B5BDB198}" srcOrd="2" destOrd="0" parTransId="{40AEEAC0-F1A1-402F-9EC7-5125A40F71DB}" sibTransId="{29AE9CAE-9F5A-43E6-9529-9DE60F6A2893}"/>
    <dgm:cxn modelId="{4136765A-3F3E-4647-A08F-270377B73236}" type="presOf" srcId="{F644B728-B6AB-4230-A559-FCAD52765770}" destId="{AD35F5E6-82B2-40AA-BFA2-3425DB23FA91}" srcOrd="0" destOrd="1" presId="urn:microsoft.com/office/officeart/2005/8/layout/vList5"/>
    <dgm:cxn modelId="{096B1DC1-0F00-4B3B-A09F-B17034D1C1F5}" type="presOf" srcId="{9DA709C8-76F8-4892-8025-DD867101C402}" destId="{14F2537B-DBDF-4B08-8CEC-59FCA04C914E}" srcOrd="0" destOrd="2" presId="urn:microsoft.com/office/officeart/2005/8/layout/vList5"/>
    <dgm:cxn modelId="{66D8EB1D-10AF-49EF-A76F-1C4121329935}" srcId="{1ECEE0FB-78D7-49AD-843A-5AD67392BBA5}" destId="{3B1C5E7E-5A74-4FAD-A9EE-96A1DCF51540}" srcOrd="2" destOrd="0" parTransId="{71A672EF-8338-470C-96BF-28A95EC277AD}" sibTransId="{7EB8D518-DD8C-460E-AE18-F5857CEE099A}"/>
    <dgm:cxn modelId="{46594024-2B9C-43D1-9970-5CCEDD4DFD8D}" type="presOf" srcId="{3B1C5E7E-5A74-4FAD-A9EE-96A1DCF51540}" destId="{DBCE5869-A7D2-4420-A483-0A50017A07C3}" srcOrd="0" destOrd="0" presId="urn:microsoft.com/office/officeart/2005/8/layout/vList5"/>
    <dgm:cxn modelId="{62793F86-51B8-4EE0-A7DA-A98800B29427}" srcId="{B1FD3A1C-913B-4218-86A1-2FDF96EB64C9}" destId="{3DA67696-2963-40A3-9D72-89D6D6074F69}" srcOrd="2" destOrd="0" parTransId="{C71F549E-81B9-42D5-8B1F-AA66D42832F2}" sibTransId="{22FEF438-DF09-4F5B-8DCE-2AA30BE8D4F3}"/>
    <dgm:cxn modelId="{B04677AB-764B-4B64-A16A-B72F26662547}" type="presOf" srcId="{CF012AA7-F3E9-4212-AB55-127CC276CB5B}" destId="{AD35F5E6-82B2-40AA-BFA2-3425DB23FA91}" srcOrd="0" destOrd="2" presId="urn:microsoft.com/office/officeart/2005/8/layout/vList5"/>
    <dgm:cxn modelId="{967F4D32-EA23-499E-95A4-8D0D881612C0}" srcId="{627578E5-96BA-4B3A-8299-6F20B169B1A0}" destId="{532A79ED-755F-43F4-887F-73BD07991C7F}" srcOrd="4" destOrd="0" parTransId="{5AE480A4-FAF2-4A57-98D3-68636E66D21C}" sibTransId="{2E5F4F38-CE3D-4E0F-9E4C-E97633089F18}"/>
    <dgm:cxn modelId="{216D5510-D04D-4FFB-81C1-2F5DA3D2F3A4}" type="presOf" srcId="{B1FD3A1C-913B-4218-86A1-2FDF96EB64C9}" destId="{9034AC31-57E0-4803-AC8A-FFF120E4AEE2}" srcOrd="0" destOrd="0" presId="urn:microsoft.com/office/officeart/2005/8/layout/vList5"/>
    <dgm:cxn modelId="{5B480F81-12CE-46F9-AE23-30415E579B69}" srcId="{1ECEE0FB-78D7-49AD-843A-5AD67392BBA5}" destId="{B1FD3A1C-913B-4218-86A1-2FDF96EB64C9}" srcOrd="1" destOrd="0" parTransId="{01140A87-9D52-43D9-B974-80A53E9A3115}" sibTransId="{BE51F20F-6D4C-4424-9C6E-3B0D15233484}"/>
    <dgm:cxn modelId="{B40C1A06-E3CC-40AA-812D-21508616A308}" srcId="{3B1C5E7E-5A74-4FAD-A9EE-96A1DCF51540}" destId="{0A2BA99C-3CDB-4957-8B31-7A4DFEB0AE8E}" srcOrd="0" destOrd="0" parTransId="{52392FF7-27F3-4286-9FFA-AB72D509B388}" sibTransId="{5E356DFD-3558-4D42-AC9B-9820E3083D9C}"/>
    <dgm:cxn modelId="{2A3FF9B9-93C1-47B4-8E66-56216F41BD02}" type="presOf" srcId="{799DD379-6F04-4D08-AEA9-D9EC217B6961}" destId="{8FF753A2-4C01-48E1-A998-A057C36B7CA7}" srcOrd="0" destOrd="0" presId="urn:microsoft.com/office/officeart/2005/8/layout/vList5"/>
    <dgm:cxn modelId="{52AE7BFE-9B1C-4940-9C21-D513331A60B8}" type="presOf" srcId="{3DA67696-2963-40A3-9D72-89D6D6074F69}" destId="{B78D812C-96A1-46F1-AEEC-3B7FCD656B39}" srcOrd="0" destOrd="2" presId="urn:microsoft.com/office/officeart/2005/8/layout/vList5"/>
    <dgm:cxn modelId="{44F82D99-B303-4F40-9C75-55BB90E400F2}" type="presOf" srcId="{C146EE8A-C02E-4432-A429-6E42B5BDB198}" destId="{9D70288C-DC41-4EBD-BF72-3C80121E6FFE}" srcOrd="0" destOrd="2" presId="urn:microsoft.com/office/officeart/2005/8/layout/vList5"/>
    <dgm:cxn modelId="{FD971E0F-DDEB-4A82-AF4D-F5758676AB35}" type="presOf" srcId="{D89A7BC2-BACF-4AA1-B9E0-065F44B9869C}" destId="{9D70288C-DC41-4EBD-BF72-3C80121E6FFE}" srcOrd="0" destOrd="3" presId="urn:microsoft.com/office/officeart/2005/8/layout/vList5"/>
    <dgm:cxn modelId="{7EDAE767-140C-489F-9664-3B8A462EB4CA}" srcId="{627578E5-96BA-4B3A-8299-6F20B169B1A0}" destId="{E2640CE3-50BD-42DE-848C-2A34A6F2A7CE}" srcOrd="0" destOrd="0" parTransId="{58E30513-BE05-4A7A-8EBC-3A9ACFA20653}" sibTransId="{6E80C092-F5AB-441A-9BAB-5DEBCBEAA49C}"/>
    <dgm:cxn modelId="{6BE2037A-8817-4302-B78B-198826936553}" type="presOf" srcId="{4C50A8B8-E4D9-4B37-8615-A4BCC8B8E35B}" destId="{14F2537B-DBDF-4B08-8CEC-59FCA04C914E}" srcOrd="0" destOrd="1" presId="urn:microsoft.com/office/officeart/2005/8/layout/vList5"/>
    <dgm:cxn modelId="{6CE8AE08-7A04-4A90-99C7-C66948BC05B3}" srcId="{B1FD3A1C-913B-4218-86A1-2FDF96EB64C9}" destId="{E64952FC-7A55-412B-A0A5-E1D2CCD1739E}" srcOrd="0" destOrd="0" parTransId="{DB6C1C46-AF30-40B0-A5AA-07423C8661DF}" sibTransId="{BC81BB55-3D5C-4DAA-933C-A925667D0F40}"/>
    <dgm:cxn modelId="{529E5FED-EE2A-4EF5-BC44-5FCFCC64530A}" type="presOf" srcId="{E64952FC-7A55-412B-A0A5-E1D2CCD1739E}" destId="{B78D812C-96A1-46F1-AEEC-3B7FCD656B39}" srcOrd="0" destOrd="0" presId="urn:microsoft.com/office/officeart/2005/8/layout/vList5"/>
    <dgm:cxn modelId="{9267851C-ACF2-46F7-98CB-EDC41C238A2C}" type="presOf" srcId="{1ECEE0FB-78D7-49AD-843A-5AD67392BBA5}" destId="{3BF39E10-C97F-4924-A373-215FD8759221}" srcOrd="0" destOrd="0" presId="urn:microsoft.com/office/officeart/2005/8/layout/vList5"/>
    <dgm:cxn modelId="{3C4BDA60-9001-49C0-83F5-6E939DEED688}" srcId="{799DD379-6F04-4D08-AEA9-D9EC217B6961}" destId="{4C50A8B8-E4D9-4B37-8615-A4BCC8B8E35B}" srcOrd="1" destOrd="0" parTransId="{ED28D0DE-8623-4AB5-8D42-889CF8AA723A}" sibTransId="{B0867E96-3C61-433C-BB10-0BE486177198}"/>
    <dgm:cxn modelId="{97F85C93-527B-43EB-8139-185D874FA959}" type="presOf" srcId="{1591C7A6-7062-4505-A363-C09E9A4FD94A}" destId="{9D70288C-DC41-4EBD-BF72-3C80121E6FFE}" srcOrd="0" destOrd="1" presId="urn:microsoft.com/office/officeart/2005/8/layout/vList5"/>
    <dgm:cxn modelId="{F18DB47E-CFD3-4EAF-81E8-B8AA6975CA67}" srcId="{799DD379-6F04-4D08-AEA9-D9EC217B6961}" destId="{EC047C88-C9F7-40B4-830C-3B57B6BB3CA3}" srcOrd="0" destOrd="0" parTransId="{487CC819-E6E4-43AA-9F29-0F6B00D0BB4F}" sibTransId="{267D64D8-2E7A-4CE0-AE63-509C3D15DFC9}"/>
    <dgm:cxn modelId="{A4A74E1A-8DDD-4CEA-B4D9-FCA106C63FA1}" srcId="{627578E5-96BA-4B3A-8299-6F20B169B1A0}" destId="{D89A7BC2-BACF-4AA1-B9E0-065F44B9869C}" srcOrd="3" destOrd="0" parTransId="{C5EBF473-2542-4B12-8CA4-58021C2510FA}" sibTransId="{4CAF1D02-CDB6-4541-A300-AB1BE6EEC861}"/>
    <dgm:cxn modelId="{D2B2200D-AEF3-446C-8B05-183787FCBCDA}" srcId="{1ECEE0FB-78D7-49AD-843A-5AD67392BBA5}" destId="{627578E5-96BA-4B3A-8299-6F20B169B1A0}" srcOrd="3" destOrd="0" parTransId="{8F0F40EE-4CBC-4FDB-BB58-93C151D8CA68}" sibTransId="{374011AB-B0EB-424E-9184-6D6870C0A3D5}"/>
    <dgm:cxn modelId="{6EF68BEB-28AC-43D7-95A8-EFD2EABF9288}" type="presOf" srcId="{E2640CE3-50BD-42DE-848C-2A34A6F2A7CE}" destId="{9D70288C-DC41-4EBD-BF72-3C80121E6FFE}" srcOrd="0" destOrd="0" presId="urn:microsoft.com/office/officeart/2005/8/layout/vList5"/>
    <dgm:cxn modelId="{77597D08-9BAE-4635-9847-80732ABF83EB}" srcId="{627578E5-96BA-4B3A-8299-6F20B169B1A0}" destId="{1591C7A6-7062-4505-A363-C09E9A4FD94A}" srcOrd="1" destOrd="0" parTransId="{F83CAD87-CD62-4878-B20A-D2641626CA9A}" sibTransId="{A666A482-437B-456C-9DFF-0705FD783803}"/>
    <dgm:cxn modelId="{75FC02EF-3D70-4DD0-A74D-223423D0F0F2}" srcId="{3B1C5E7E-5A74-4FAD-A9EE-96A1DCF51540}" destId="{CF012AA7-F3E9-4212-AB55-127CC276CB5B}" srcOrd="2" destOrd="0" parTransId="{6D1D70AA-CB6E-46A9-86AB-E2111D3DDA18}" sibTransId="{B2CD92F9-3A25-44EF-A84B-BFA137B10D96}"/>
    <dgm:cxn modelId="{CD49F34D-C288-45CC-A115-33C9C994BE0F}" type="presOf" srcId="{627578E5-96BA-4B3A-8299-6F20B169B1A0}" destId="{E8907B4A-A52D-41CE-B930-676B261E0501}" srcOrd="0" destOrd="0" presId="urn:microsoft.com/office/officeart/2005/8/layout/vList5"/>
    <dgm:cxn modelId="{357C86DE-EBB8-465C-89C7-BC401317EFDD}" type="presOf" srcId="{DE550586-D5AF-4927-B0CC-0281FDB8C99B}" destId="{B78D812C-96A1-46F1-AEEC-3B7FCD656B39}" srcOrd="0" destOrd="1" presId="urn:microsoft.com/office/officeart/2005/8/layout/vList5"/>
    <dgm:cxn modelId="{EEDA7AEA-B3E9-4D21-9A05-B83FBE65C22C}" type="presOf" srcId="{532A79ED-755F-43F4-887F-73BD07991C7F}" destId="{9D70288C-DC41-4EBD-BF72-3C80121E6FFE}" srcOrd="0" destOrd="4" presId="urn:microsoft.com/office/officeart/2005/8/layout/vList5"/>
    <dgm:cxn modelId="{778C3E52-BA2F-434E-8C43-79A87D138BF1}" srcId="{799DD379-6F04-4D08-AEA9-D9EC217B6961}" destId="{9DA709C8-76F8-4892-8025-DD867101C402}" srcOrd="2" destOrd="0" parTransId="{E83B8980-2358-461C-BBDA-03F71AEA8282}" sibTransId="{32731F8B-F847-4679-B45D-60C867BDD47E}"/>
    <dgm:cxn modelId="{783F16C9-7892-4B89-B01A-E8B15CBAC3D0}" srcId="{3B1C5E7E-5A74-4FAD-A9EE-96A1DCF51540}" destId="{F644B728-B6AB-4230-A559-FCAD52765770}" srcOrd="1" destOrd="0" parTransId="{B211BAAB-AF38-4DD1-94FB-25BD8F80F800}" sibTransId="{B4A4315C-012D-4EC1-A942-61BB20DD327F}"/>
    <dgm:cxn modelId="{3E3DC709-9F6D-4499-8E7A-74F52862DD1C}" type="presOf" srcId="{EC047C88-C9F7-40B4-830C-3B57B6BB3CA3}" destId="{14F2537B-DBDF-4B08-8CEC-59FCA04C914E}" srcOrd="0" destOrd="0" presId="urn:microsoft.com/office/officeart/2005/8/layout/vList5"/>
    <dgm:cxn modelId="{A0514BEE-5F48-4AC9-A0B2-0E61EBCE8EA8}" srcId="{B1FD3A1C-913B-4218-86A1-2FDF96EB64C9}" destId="{DE550586-D5AF-4927-B0CC-0281FDB8C99B}" srcOrd="1" destOrd="0" parTransId="{6EB8C79E-F15F-49DD-8B6F-441F78EB83C0}" sibTransId="{2C80762E-3FA9-4D28-BC07-B8F9F70B7B81}"/>
    <dgm:cxn modelId="{38DC646F-BF9D-4D86-A6AE-E3D1E6B8DE5B}" type="presParOf" srcId="{3BF39E10-C97F-4924-A373-215FD8759221}" destId="{56B6379C-CE08-4062-B7EA-5E6FBC562C1A}" srcOrd="0" destOrd="0" presId="urn:microsoft.com/office/officeart/2005/8/layout/vList5"/>
    <dgm:cxn modelId="{EDB1177B-0239-4609-8717-F08A1B9EB5FD}" type="presParOf" srcId="{56B6379C-CE08-4062-B7EA-5E6FBC562C1A}" destId="{8FF753A2-4C01-48E1-A998-A057C36B7CA7}" srcOrd="0" destOrd="0" presId="urn:microsoft.com/office/officeart/2005/8/layout/vList5"/>
    <dgm:cxn modelId="{5582FB99-58D1-4DCC-B53C-D95769656328}" type="presParOf" srcId="{56B6379C-CE08-4062-B7EA-5E6FBC562C1A}" destId="{14F2537B-DBDF-4B08-8CEC-59FCA04C914E}" srcOrd="1" destOrd="0" presId="urn:microsoft.com/office/officeart/2005/8/layout/vList5"/>
    <dgm:cxn modelId="{EDEAD926-454E-473E-9C0C-B1CBA4CA4683}" type="presParOf" srcId="{3BF39E10-C97F-4924-A373-215FD8759221}" destId="{3A525547-4E2B-47A3-9432-4DC8C8A34E4C}" srcOrd="1" destOrd="0" presId="urn:microsoft.com/office/officeart/2005/8/layout/vList5"/>
    <dgm:cxn modelId="{EF3CB8BE-DD03-4762-962B-2E053243C418}" type="presParOf" srcId="{3BF39E10-C97F-4924-A373-215FD8759221}" destId="{BEEB8CB0-AB4F-4B01-920E-839AF6586579}" srcOrd="2" destOrd="0" presId="urn:microsoft.com/office/officeart/2005/8/layout/vList5"/>
    <dgm:cxn modelId="{9C5EECFE-EE04-4906-847F-44C5BF89F836}" type="presParOf" srcId="{BEEB8CB0-AB4F-4B01-920E-839AF6586579}" destId="{9034AC31-57E0-4803-AC8A-FFF120E4AEE2}" srcOrd="0" destOrd="0" presId="urn:microsoft.com/office/officeart/2005/8/layout/vList5"/>
    <dgm:cxn modelId="{49F5B382-29EA-4B00-8FAD-418B8F6CE3D6}" type="presParOf" srcId="{BEEB8CB0-AB4F-4B01-920E-839AF6586579}" destId="{B78D812C-96A1-46F1-AEEC-3B7FCD656B39}" srcOrd="1" destOrd="0" presId="urn:microsoft.com/office/officeart/2005/8/layout/vList5"/>
    <dgm:cxn modelId="{D243743A-D866-443F-B268-7548476FAE9C}" type="presParOf" srcId="{3BF39E10-C97F-4924-A373-215FD8759221}" destId="{C437FBAF-E923-4E56-82EC-BCB44C0F975F}" srcOrd="3" destOrd="0" presId="urn:microsoft.com/office/officeart/2005/8/layout/vList5"/>
    <dgm:cxn modelId="{8BC74F0C-B5D4-4A48-B65D-FA358DDA2E2E}" type="presParOf" srcId="{3BF39E10-C97F-4924-A373-215FD8759221}" destId="{4EBC4D61-06F7-4FF2-AB52-01EF5C3839F9}" srcOrd="4" destOrd="0" presId="urn:microsoft.com/office/officeart/2005/8/layout/vList5"/>
    <dgm:cxn modelId="{CE83CB04-0395-413F-A52C-166CC481C6E5}" type="presParOf" srcId="{4EBC4D61-06F7-4FF2-AB52-01EF5C3839F9}" destId="{DBCE5869-A7D2-4420-A483-0A50017A07C3}" srcOrd="0" destOrd="0" presId="urn:microsoft.com/office/officeart/2005/8/layout/vList5"/>
    <dgm:cxn modelId="{96E66771-20DB-41FF-839D-8688FAB3AB15}" type="presParOf" srcId="{4EBC4D61-06F7-4FF2-AB52-01EF5C3839F9}" destId="{AD35F5E6-82B2-40AA-BFA2-3425DB23FA91}" srcOrd="1" destOrd="0" presId="urn:microsoft.com/office/officeart/2005/8/layout/vList5"/>
    <dgm:cxn modelId="{11AE7B70-F90C-46E0-9B58-C99228DA5E05}" type="presParOf" srcId="{3BF39E10-C97F-4924-A373-215FD8759221}" destId="{3170BAC9-DCAD-4BAF-82DA-4D9DD825FF3C}" srcOrd="5" destOrd="0" presId="urn:microsoft.com/office/officeart/2005/8/layout/vList5"/>
    <dgm:cxn modelId="{B923AB41-650B-429F-A787-DC112045561D}" type="presParOf" srcId="{3BF39E10-C97F-4924-A373-215FD8759221}" destId="{D7C18792-2B91-4665-B086-9098215131C1}" srcOrd="6" destOrd="0" presId="urn:microsoft.com/office/officeart/2005/8/layout/vList5"/>
    <dgm:cxn modelId="{8D93D162-3B77-49AA-A81E-E5D742F628FE}" type="presParOf" srcId="{D7C18792-2B91-4665-B086-9098215131C1}" destId="{E8907B4A-A52D-41CE-B930-676B261E0501}" srcOrd="0" destOrd="0" presId="urn:microsoft.com/office/officeart/2005/8/layout/vList5"/>
    <dgm:cxn modelId="{49A9964F-FD9A-4C88-9F2D-8E392CAB8C4A}" type="presParOf" srcId="{D7C18792-2B91-4665-B086-9098215131C1}" destId="{9D70288C-DC41-4EBD-BF72-3C80121E6FFE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62F9EB-5631-44B4-A0D3-C2F61B00F6E9}">
      <dsp:nvSpPr>
        <dsp:cNvPr id="0" name=""/>
        <dsp:cNvSpPr/>
      </dsp:nvSpPr>
      <dsp:spPr>
        <a:xfrm>
          <a:off x="2474897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2474897" y="1813"/>
        <a:ext cx="708035" cy="708035"/>
      </dsp:txXfrm>
    </dsp:sp>
    <dsp:sp modelId="{FFCA20AD-A776-4576-A7CA-E135F2D917B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9826227"/>
            <a:gd name="adj4" fmla="val 18606236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F05E807-DB45-437D-A6C4-7B1A7205E998}">
      <dsp:nvSpPr>
        <dsp:cNvPr id="0" name=""/>
        <dsp:cNvSpPr/>
      </dsp:nvSpPr>
      <dsp:spPr>
        <a:xfrm>
          <a:off x="3385721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385721" y="1143950"/>
        <a:ext cx="708035" cy="708035"/>
      </dsp:txXfrm>
    </dsp:sp>
    <dsp:sp modelId="{C4F5941B-5AF7-4CA1-9D45-567306F23F0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229352"/>
            <a:gd name="adj4" fmla="val 21557961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6AEB7DF-929F-45AC-BD01-D1FF7A0AA728}">
      <dsp:nvSpPr>
        <dsp:cNvPr id="0" name=""/>
        <dsp:cNvSpPr/>
      </dsp:nvSpPr>
      <dsp:spPr>
        <a:xfrm>
          <a:off x="3060651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060651" y="2568172"/>
        <a:ext cx="708035" cy="708035"/>
      </dsp:txXfrm>
    </dsp:sp>
    <dsp:sp modelId="{04948AC0-E1C9-4BC4-B4A5-2DE658B32BA5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4436632"/>
            <a:gd name="adj4" fmla="val 3308543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D2F85B0-779F-4AED-865F-B47AB75ABED3}">
      <dsp:nvSpPr>
        <dsp:cNvPr id="0" name=""/>
        <dsp:cNvSpPr/>
      </dsp:nvSpPr>
      <dsp:spPr>
        <a:xfrm>
          <a:off x="1744473" y="320201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744473" y="3202010"/>
        <a:ext cx="708035" cy="708035"/>
      </dsp:txXfrm>
    </dsp:sp>
    <dsp:sp modelId="{4E044C2D-A11C-4BB1-8CAD-7ED5343730A1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7256458"/>
            <a:gd name="adj4" fmla="val 612836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40C94C-0BB5-44FE-BF05-97803DA086AA}">
      <dsp:nvSpPr>
        <dsp:cNvPr id="0" name=""/>
        <dsp:cNvSpPr/>
      </dsp:nvSpPr>
      <dsp:spPr>
        <a:xfrm>
          <a:off x="428295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428295" y="2568172"/>
        <a:ext cx="708035" cy="708035"/>
      </dsp:txXfrm>
    </dsp:sp>
    <dsp:sp modelId="{E098609D-7E47-4C14-9813-529DFC4B7E4D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0607041"/>
            <a:gd name="adj4" fmla="val 933564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94C7DE-E8B2-4342-902B-1E55D97EDC91}">
      <dsp:nvSpPr>
        <dsp:cNvPr id="0" name=""/>
        <dsp:cNvSpPr/>
      </dsp:nvSpPr>
      <dsp:spPr>
        <a:xfrm>
          <a:off x="103225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3225" y="1143950"/>
        <a:ext cx="708035" cy="708035"/>
      </dsp:txXfrm>
    </dsp:sp>
    <dsp:sp modelId="{3437F08F-B124-4AAF-B7C5-91F8A840E0F8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3558765"/>
            <a:gd name="adj4" fmla="val 12338774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9F0A454-28F0-4EB8-89CE-DC3C60E04534}">
      <dsp:nvSpPr>
        <dsp:cNvPr id="0" name=""/>
        <dsp:cNvSpPr/>
      </dsp:nvSpPr>
      <dsp:spPr>
        <a:xfrm>
          <a:off x="1014049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14049" y="1813"/>
        <a:ext cx="708035" cy="708035"/>
      </dsp:txXfrm>
    </dsp:sp>
    <dsp:sp modelId="{DC7A1E8E-1CA4-4F0E-AF63-073035099ED2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6740205"/>
            <a:gd name="adj4" fmla="val 15424797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05D2D57-D0E3-42FF-AF8F-26F66AA0AF9C}">
      <dsp:nvSpPr>
        <dsp:cNvPr id="0" name=""/>
        <dsp:cNvSpPr/>
      </dsp:nvSpPr>
      <dsp:spPr>
        <a:xfrm rot="5400000">
          <a:off x="4051458" y="117840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00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>
              <a:latin typeface="Calibri" panose="020F0502020204030204" pitchFamily="34" charset="0"/>
            </a:rPr>
            <a:t>Service Manager</a:t>
          </a:r>
          <a:endParaRPr lang="en-US" sz="1400" kern="1200" dirty="0">
            <a:latin typeface="Calibri" panose="020F0502020204030204" pitchFamily="34" charset="0"/>
          </a:endParaRPr>
        </a:p>
      </dsp:txBody>
      <dsp:txXfrm rot="-5400000">
        <a:off x="4412252" y="281231"/>
        <a:ext cx="1077212" cy="1238175"/>
      </dsp:txXfrm>
    </dsp:sp>
    <dsp:sp modelId="{DC30F273-7D6D-4A7F-A069-079D69D90BA5}">
      <dsp:nvSpPr>
        <dsp:cNvPr id="0" name=""/>
        <dsp:cNvSpPr/>
      </dsp:nvSpPr>
      <dsp:spPr>
        <a:xfrm>
          <a:off x="5932427" y="350608"/>
          <a:ext cx="3201319" cy="10792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Initial contact of new teams</a:t>
          </a:r>
        </a:p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Provide training</a:t>
          </a:r>
        </a:p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Maintain relationship with teams</a:t>
          </a:r>
        </a:p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Oversight of </a:t>
          </a:r>
          <a:r>
            <a:rPr lang="en-US" sz="1200" kern="1200" dirty="0" err="1" smtClean="0">
              <a:latin typeface="Calibri" panose="020F0502020204030204" pitchFamily="34" charset="0"/>
            </a:rPr>
            <a:t>DevOps</a:t>
          </a:r>
          <a:r>
            <a:rPr lang="en-US" sz="1200" kern="1200" dirty="0" smtClean="0">
              <a:latin typeface="Calibri" panose="020F0502020204030204" pitchFamily="34" charset="0"/>
            </a:rPr>
            <a:t> and Ops Teams</a:t>
          </a:r>
          <a:endParaRPr lang="en-US" sz="1200" kern="1200" dirty="0">
            <a:latin typeface="Calibri" panose="020F0502020204030204" pitchFamily="34" charset="0"/>
          </a:endParaRPr>
        </a:p>
      </dsp:txBody>
      <dsp:txXfrm>
        <a:off x="5932427" y="350608"/>
        <a:ext cx="3201319" cy="1079280"/>
      </dsp:txXfrm>
    </dsp:sp>
    <dsp:sp modelId="{52BF5CDE-2645-4F1A-88AB-E5409244210A}">
      <dsp:nvSpPr>
        <dsp:cNvPr id="0" name=""/>
        <dsp:cNvSpPr/>
      </dsp:nvSpPr>
      <dsp:spPr>
        <a:xfrm rot="5400000">
          <a:off x="2351242" y="117840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C0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 dirty="0">
            <a:latin typeface="Calibri" panose="020F0502020204030204" pitchFamily="34" charset="0"/>
          </a:endParaRPr>
        </a:p>
      </dsp:txBody>
      <dsp:txXfrm rot="-5400000">
        <a:off x="2712036" y="281231"/>
        <a:ext cx="1077212" cy="1238175"/>
      </dsp:txXfrm>
    </dsp:sp>
    <dsp:sp modelId="{33A0B55F-2E99-4CD6-8EAA-5F285795D8E6}">
      <dsp:nvSpPr>
        <dsp:cNvPr id="0" name=""/>
        <dsp:cNvSpPr/>
      </dsp:nvSpPr>
      <dsp:spPr>
        <a:xfrm rot="5400000">
          <a:off x="3200387" y="1654735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7030A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>
              <a:latin typeface="Calibri" panose="020F0502020204030204" pitchFamily="34" charset="0"/>
            </a:rPr>
            <a:t>Operations (Ops)</a:t>
          </a:r>
          <a:endParaRPr lang="en-US" sz="1600" kern="1200" dirty="0">
            <a:latin typeface="Calibri" panose="020F0502020204030204" pitchFamily="34" charset="0"/>
          </a:endParaRPr>
        </a:p>
      </dsp:txBody>
      <dsp:txXfrm rot="-5400000">
        <a:off x="3561181" y="1818126"/>
        <a:ext cx="1077212" cy="1238175"/>
      </dsp:txXfrm>
    </dsp:sp>
    <dsp:sp modelId="{000CBFFC-8D67-49A8-BDA6-9F9EF4AEA9F1}">
      <dsp:nvSpPr>
        <dsp:cNvPr id="0" name=""/>
        <dsp:cNvSpPr/>
      </dsp:nvSpPr>
      <dsp:spPr>
        <a:xfrm>
          <a:off x="8283" y="1907650"/>
          <a:ext cx="3115244" cy="10792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IT Operations Team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ETFS System Maintenance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Respond to support requests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Focused on Production System</a:t>
          </a:r>
          <a:endParaRPr lang="en-US" sz="1200" kern="1200" dirty="0">
            <a:latin typeface="Calibri" panose="020F0502020204030204" pitchFamily="34" charset="0"/>
          </a:endParaRPr>
        </a:p>
      </dsp:txBody>
      <dsp:txXfrm>
        <a:off x="8283" y="1907650"/>
        <a:ext cx="3115244" cy="1079280"/>
      </dsp:txXfrm>
    </dsp:sp>
    <dsp:sp modelId="{BBA0B347-B5B6-4E0B-A97F-103907995746}">
      <dsp:nvSpPr>
        <dsp:cNvPr id="0" name=""/>
        <dsp:cNvSpPr/>
      </dsp:nvSpPr>
      <dsp:spPr>
        <a:xfrm rot="5400000">
          <a:off x="4920948" y="1654735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92D05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>
            <a:latin typeface="Calibri" panose="020F0502020204030204" pitchFamily="34" charset="0"/>
          </a:endParaRPr>
        </a:p>
      </dsp:txBody>
      <dsp:txXfrm rot="-5400000">
        <a:off x="5281742" y="1818126"/>
        <a:ext cx="1077212" cy="1238175"/>
      </dsp:txXfrm>
    </dsp:sp>
    <dsp:sp modelId="{4C474B45-487B-47AA-8B8A-A1FD062ED345}">
      <dsp:nvSpPr>
        <dsp:cNvPr id="0" name=""/>
        <dsp:cNvSpPr/>
      </dsp:nvSpPr>
      <dsp:spPr>
        <a:xfrm rot="5400000">
          <a:off x="4059256" y="3172402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0070C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kern="1200" dirty="0" smtClean="0">
              <a:latin typeface="Calibri" panose="020F0502020204030204" pitchFamily="34" charset="0"/>
            </a:rPr>
            <a:t>SEMS </a:t>
          </a:r>
          <a:r>
            <a:rPr lang="en-US" sz="1600" b="1" kern="1200" dirty="0" err="1" smtClean="0">
              <a:latin typeface="Calibri" panose="020F0502020204030204" pitchFamily="34" charset="0"/>
            </a:rPr>
            <a:t>DevOps</a:t>
          </a:r>
          <a:endParaRPr lang="en-US" sz="1200" b="1" kern="1200" dirty="0">
            <a:latin typeface="Calibri" panose="020F0502020204030204" pitchFamily="34" charset="0"/>
          </a:endParaRPr>
        </a:p>
      </dsp:txBody>
      <dsp:txXfrm rot="-5400000">
        <a:off x="4420050" y="3335793"/>
        <a:ext cx="1077212" cy="1238175"/>
      </dsp:txXfrm>
    </dsp:sp>
    <dsp:sp modelId="{B532EDDD-877B-4CF9-8CB0-A8704E7C502B}">
      <dsp:nvSpPr>
        <dsp:cNvPr id="0" name=""/>
        <dsp:cNvSpPr/>
      </dsp:nvSpPr>
      <dsp:spPr>
        <a:xfrm>
          <a:off x="6020334" y="3468227"/>
          <a:ext cx="3113412" cy="105835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Team onboarding tasks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Service enhancements</a:t>
          </a: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Test updates/upgrades, update documentation</a:t>
          </a: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Perform </a:t>
          </a:r>
          <a:r>
            <a:rPr lang="en-US" sz="1200" kern="1200" dirty="0" err="1" smtClean="0">
              <a:latin typeface="Calibri" panose="020F0502020204030204" pitchFamily="34" charset="0"/>
            </a:rPr>
            <a:t>DevOps</a:t>
          </a:r>
          <a:r>
            <a:rPr lang="en-US" sz="1200" kern="1200" dirty="0" smtClean="0">
              <a:latin typeface="Calibri" panose="020F0502020204030204" pitchFamily="34" charset="0"/>
            </a:rPr>
            <a:t> role for SEMS/Division teams</a:t>
          </a:r>
        </a:p>
      </dsp:txBody>
      <dsp:txXfrm>
        <a:off x="6020334" y="3468227"/>
        <a:ext cx="3113412" cy="1058353"/>
      </dsp:txXfrm>
    </dsp:sp>
    <dsp:sp modelId="{9AA48EFC-0032-4187-B3FA-D32EF00D6F13}">
      <dsp:nvSpPr>
        <dsp:cNvPr id="0" name=""/>
        <dsp:cNvSpPr/>
      </dsp:nvSpPr>
      <dsp:spPr>
        <a:xfrm rot="5400000">
          <a:off x="2292294" y="3158263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FF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>
            <a:latin typeface="Calibri" panose="020F0502020204030204" pitchFamily="34" charset="0"/>
          </a:endParaRPr>
        </a:p>
      </dsp:txBody>
      <dsp:txXfrm rot="-5400000">
        <a:off x="2653088" y="3321654"/>
        <a:ext cx="1077212" cy="1238175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0F6293D-7CED-4FB5-9A78-C24C18D69836}">
      <dsp:nvSpPr>
        <dsp:cNvPr id="0" name=""/>
        <dsp:cNvSpPr/>
      </dsp:nvSpPr>
      <dsp:spPr>
        <a:xfrm>
          <a:off x="556050" y="0"/>
          <a:ext cx="6301903" cy="3172825"/>
        </a:xfrm>
        <a:prstGeom prst="rightArrow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FB37F7FC-B871-4E26-BEEB-81B365948334}">
      <dsp:nvSpPr>
        <dsp:cNvPr id="0" name=""/>
        <dsp:cNvSpPr/>
      </dsp:nvSpPr>
      <dsp:spPr>
        <a:xfrm>
          <a:off x="6724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Define</a:t>
          </a:r>
          <a:endParaRPr lang="en-US" sz="2800" kern="1200" dirty="0"/>
        </a:p>
      </dsp:txBody>
      <dsp:txXfrm>
        <a:off x="68678" y="1013801"/>
        <a:ext cx="2213826" cy="1145222"/>
      </dsp:txXfrm>
    </dsp:sp>
    <dsp:sp modelId="{B7C1F5F4-48CB-4BA1-A83A-C730E523330A}">
      <dsp:nvSpPr>
        <dsp:cNvPr id="0" name=""/>
        <dsp:cNvSpPr/>
      </dsp:nvSpPr>
      <dsp:spPr>
        <a:xfrm>
          <a:off x="2538134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Implementation</a:t>
          </a:r>
          <a:endParaRPr lang="en-US" sz="2800" kern="1200" dirty="0"/>
        </a:p>
      </dsp:txBody>
      <dsp:txXfrm>
        <a:off x="2600088" y="1013801"/>
        <a:ext cx="2213826" cy="1145222"/>
      </dsp:txXfrm>
    </dsp:sp>
    <dsp:sp modelId="{DB77C8B1-A499-4882-BDE5-363C7235FE10}">
      <dsp:nvSpPr>
        <dsp:cNvPr id="0" name=""/>
        <dsp:cNvSpPr/>
      </dsp:nvSpPr>
      <dsp:spPr>
        <a:xfrm>
          <a:off x="5069545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Ongoing</a:t>
          </a:r>
          <a:endParaRPr lang="en-US" sz="2800" kern="1200" dirty="0"/>
        </a:p>
      </dsp:txBody>
      <dsp:txXfrm>
        <a:off x="5131499" y="1013801"/>
        <a:ext cx="2213826" cy="1145222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4F2537B-DBDF-4B08-8CEC-59FCA04C914E}">
      <dsp:nvSpPr>
        <dsp:cNvPr id="0" name=""/>
        <dsp:cNvSpPr/>
      </dsp:nvSpPr>
      <dsp:spPr>
        <a:xfrm rot="5400000">
          <a:off x="4851595" y="-1945587"/>
          <a:ext cx="860342" cy="4971074"/>
        </a:xfrm>
        <a:prstGeom prst="round2Same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34290" tIns="17145" rIns="34290" bIns="17145" numCol="1" spcCol="1270" anchor="ctr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Single use TFS servers for demos &amp; trial use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/>
            <a:t>Hosted in SEMS infrastructure - not backed up, no redundancy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/>
            <a:t>Prototype new functionality</a:t>
          </a:r>
        </a:p>
      </dsp:txBody>
      <dsp:txXfrm rot="-5400000">
        <a:off x="2796229" y="151777"/>
        <a:ext cx="4929076" cy="776346"/>
      </dsp:txXfrm>
    </dsp:sp>
    <dsp:sp modelId="{8FF753A2-4C01-48E1-A998-A057C36B7CA7}">
      <dsp:nvSpPr>
        <dsp:cNvPr id="0" name=""/>
        <dsp:cNvSpPr/>
      </dsp:nvSpPr>
      <dsp:spPr>
        <a:xfrm>
          <a:off x="0" y="2235"/>
          <a:ext cx="2796229" cy="1075427"/>
        </a:xfrm>
        <a:prstGeom prst="roundRect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Trial &amp; Demo - multiple environments</a:t>
          </a:r>
        </a:p>
      </dsp:txBody>
      <dsp:txXfrm>
        <a:off x="52498" y="54733"/>
        <a:ext cx="2691233" cy="970431"/>
      </dsp:txXfrm>
    </dsp:sp>
    <dsp:sp modelId="{B78D812C-96A1-46F1-AEEC-3B7FCD656B39}">
      <dsp:nvSpPr>
        <dsp:cNvPr id="0" name=""/>
        <dsp:cNvSpPr/>
      </dsp:nvSpPr>
      <dsp:spPr>
        <a:xfrm rot="5400000">
          <a:off x="4851595" y="-816388"/>
          <a:ext cx="860342" cy="4971074"/>
        </a:xfrm>
        <a:prstGeom prst="round2Same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34290" tIns="17145" rIns="34290" bIns="17145" numCol="1" spcCol="1270" anchor="ctr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Dual server Application Tier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Shared Database instance in IT Databse infrastructure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 smtClean="0"/>
            <a:t>Shared </a:t>
          </a:r>
          <a:r>
            <a:rPr lang="en-US" sz="900" kern="1200" dirty="0"/>
            <a:t>SSAS and SSRS</a:t>
          </a:r>
        </a:p>
      </dsp:txBody>
      <dsp:txXfrm rot="-5400000">
        <a:off x="2796229" y="1280976"/>
        <a:ext cx="4929076" cy="776346"/>
      </dsp:txXfrm>
    </dsp:sp>
    <dsp:sp modelId="{9034AC31-57E0-4803-AC8A-FFF120E4AEE2}">
      <dsp:nvSpPr>
        <dsp:cNvPr id="0" name=""/>
        <dsp:cNvSpPr/>
      </dsp:nvSpPr>
      <dsp:spPr>
        <a:xfrm>
          <a:off x="0" y="1131435"/>
          <a:ext cx="2796229" cy="1075427"/>
        </a:xfrm>
        <a:prstGeom prst="roundRect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/>
            <a:t>DEV </a:t>
          </a:r>
          <a:r>
            <a:rPr lang="en-US" sz="2400" kern="1200" dirty="0"/>
            <a:t>- tfsdev.mmm.com</a:t>
          </a:r>
        </a:p>
      </dsp:txBody>
      <dsp:txXfrm>
        <a:off x="52498" y="1183933"/>
        <a:ext cx="2691233" cy="970431"/>
      </dsp:txXfrm>
    </dsp:sp>
    <dsp:sp modelId="{AD35F5E6-82B2-40AA-BFA2-3425DB23FA91}">
      <dsp:nvSpPr>
        <dsp:cNvPr id="0" name=""/>
        <dsp:cNvSpPr/>
      </dsp:nvSpPr>
      <dsp:spPr>
        <a:xfrm rot="5400000">
          <a:off x="4851595" y="312810"/>
          <a:ext cx="860342" cy="4971074"/>
        </a:xfrm>
        <a:prstGeom prst="round2Same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34290" tIns="17145" rIns="34290" bIns="17145" numCol="1" spcCol="1270" anchor="ctr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Dual Server Application Tier in Datacenter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 dirty="0"/>
            <a:t>Mirrors Prod in functionality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Database on dedicated database cluster setup and maintained by IT Database team</a:t>
          </a:r>
        </a:p>
      </dsp:txBody>
      <dsp:txXfrm rot="-5400000">
        <a:off x="2796229" y="2410174"/>
        <a:ext cx="4929076" cy="776346"/>
      </dsp:txXfrm>
    </dsp:sp>
    <dsp:sp modelId="{DBCE5869-A7D2-4420-A483-0A50017A07C3}">
      <dsp:nvSpPr>
        <dsp:cNvPr id="0" name=""/>
        <dsp:cNvSpPr/>
      </dsp:nvSpPr>
      <dsp:spPr>
        <a:xfrm>
          <a:off x="0" y="2260634"/>
          <a:ext cx="2796229" cy="1075427"/>
        </a:xfrm>
        <a:prstGeom prst="roundRect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QA - tfsqa.mmm.com</a:t>
          </a:r>
        </a:p>
      </dsp:txBody>
      <dsp:txXfrm>
        <a:off x="52498" y="2313132"/>
        <a:ext cx="2691233" cy="970431"/>
      </dsp:txXfrm>
    </dsp:sp>
    <dsp:sp modelId="{9D70288C-DC41-4EBD-BF72-3C80121E6FFE}">
      <dsp:nvSpPr>
        <dsp:cNvPr id="0" name=""/>
        <dsp:cNvSpPr/>
      </dsp:nvSpPr>
      <dsp:spPr>
        <a:xfrm rot="5400000">
          <a:off x="4851595" y="1442009"/>
          <a:ext cx="860342" cy="4971074"/>
        </a:xfrm>
        <a:prstGeom prst="round2Same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34290" tIns="17145" rIns="34290" bIns="17145" numCol="1" spcCol="1270" anchor="ctr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Dual Server Application Front Ends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Hosted in 3M Datacenter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Monitored by SCOM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Backed up by IT backup systems</a:t>
          </a:r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900" kern="1200"/>
            <a:t>Database on dedicated database cluster setup and maintained by IT Database team</a:t>
          </a:r>
        </a:p>
      </dsp:txBody>
      <dsp:txXfrm rot="-5400000">
        <a:off x="2796229" y="3539373"/>
        <a:ext cx="4929076" cy="776346"/>
      </dsp:txXfrm>
    </dsp:sp>
    <dsp:sp modelId="{E8907B4A-A52D-41CE-B930-676B261E0501}">
      <dsp:nvSpPr>
        <dsp:cNvPr id="0" name=""/>
        <dsp:cNvSpPr/>
      </dsp:nvSpPr>
      <dsp:spPr>
        <a:xfrm>
          <a:off x="0" y="3389833"/>
          <a:ext cx="2796229" cy="1075427"/>
        </a:xfrm>
        <a:prstGeom prst="roundRect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/>
            <a:t>PROD </a:t>
          </a:r>
          <a:r>
            <a:rPr lang="en-US" sz="2400" kern="1200" dirty="0"/>
            <a:t>- tfs.mmm.com</a:t>
          </a:r>
        </a:p>
      </dsp:txBody>
      <dsp:txXfrm>
        <a:off x="52498" y="3442331"/>
        <a:ext cx="2691233" cy="97043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r">
              <a:defRPr sz="1200"/>
            </a:lvl1pPr>
          </a:lstStyle>
          <a:p>
            <a:fld id="{E06FBC72-7F1B-4B22-B9A4-8F5AF7C5C679}" type="datetimeFigureOut">
              <a:rPr lang="en-US" smtClean="0"/>
              <a:t>9/30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2" tIns="46587" rIns="93172" bIns="46587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2" tIns="46587" rIns="93172" bIns="4658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r">
              <a:defRPr sz="1200"/>
            </a:lvl1pPr>
          </a:lstStyle>
          <a:p>
            <a:fld id="{B8D29811-16B1-46F0-AEA4-D98FEF6914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6397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smtClean="0"/>
              <a:t>Magic Quadrant from TFS 2012 </a:t>
            </a:r>
          </a:p>
          <a:p>
            <a:r>
              <a:rPr lang="en-US" sz="1200" dirty="0" smtClean="0"/>
              <a:t>Large companies = US Bank, Target, Boeing, Dell, H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TFS - market lea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widespread use within 3M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SEMS active user since 2006 – initial version of TF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by other large companies for Enterprise wide us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74768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ivisions</a:t>
            </a:r>
            <a:r>
              <a:rPr lang="en-US" baseline="0" dirty="0" smtClean="0"/>
              <a:t> with resources needed to support infrastructure</a:t>
            </a:r>
          </a:p>
          <a:p>
            <a:r>
              <a:rPr lang="en-US" baseline="0" dirty="0" smtClean="0"/>
              <a:t>As Divisions move to ETFS, resources are freed up to develop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78107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“Automate Everything”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D29811-16B1-46F0-AEA4-D98FEF6914C0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79302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15271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ll case study – ROI:  225%</a:t>
            </a:r>
            <a:r>
              <a:rPr lang="en-US" baseline="0" dirty="0" smtClean="0"/>
              <a:t>  Payback: 6 months</a:t>
            </a:r>
          </a:p>
          <a:p>
            <a:r>
              <a:rPr lang="en-US" baseline="0" dirty="0" err="1" smtClean="0"/>
              <a:t>CollabNet</a:t>
            </a:r>
            <a:r>
              <a:rPr lang="en-US" baseline="0" dirty="0" smtClean="0"/>
              <a:t> case study:  ROI 225%  Payback:  12 months</a:t>
            </a:r>
          </a:p>
          <a:p>
            <a:r>
              <a:rPr lang="en-US" baseline="0" dirty="0" smtClean="0"/>
              <a:t>Key benefits from case studie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45207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6925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38785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563535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1116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205993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41306489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812898"/>
      </p:ext>
    </p:extLst>
  </p:cSld>
  <p:clrMapOvr>
    <a:masterClrMapping/>
  </p:clrMapOvr>
  <p:transition/>
  <p:hf sldNum="0" hdr="0" ftr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2" y="6572256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6950490"/>
      </p:ext>
    </p:extLst>
  </p:cSld>
  <p:clrMapOvr>
    <a:masterClrMapping/>
  </p:clrMapOvr>
  <p:transition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2" y="6572256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  <a:ea typeface="ＭＳ Ｐゴシック" charset="0"/>
              </a:rPr>
              <a:t>3M Confidential</a:t>
            </a:r>
            <a:endParaRPr lang="en-US" sz="1000" dirty="0">
              <a:solidFill>
                <a:srgbClr val="808080"/>
              </a:solidFill>
              <a:ea typeface="ＭＳ Ｐゴシック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5925245"/>
      </p:ext>
    </p:extLst>
  </p:cSld>
  <p:clrMapOvr>
    <a:masterClrMapping/>
  </p:clrMapOvr>
  <p:transition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6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97113836"/>
      </p:ext>
    </p:extLst>
  </p:cSld>
  <p:clrMapOvr>
    <a:masterClrMapping/>
  </p:clrMapOvr>
  <p:transition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18903262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3238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4638"/>
            <a:ext cx="10972801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1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1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969535820"/>
      </p:ext>
    </p:extLst>
  </p:cSld>
  <p:clrMapOvr>
    <a:masterClrMapping/>
  </p:clrMapOvr>
  <p:transition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06478219"/>
      </p:ext>
    </p:extLst>
  </p:cSld>
  <p:clrMapOvr>
    <a:masterClrMapping/>
  </p:clrMapOvr>
  <p:transition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73985560"/>
      </p:ext>
    </p:extLst>
  </p:cSld>
  <p:clrMapOvr>
    <a:masterClrMapping/>
  </p:clrMapOvr>
  <p:transition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6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133798932"/>
      </p:ext>
    </p:extLst>
  </p:cSld>
  <p:clrMapOvr>
    <a:masterClrMapping/>
  </p:clrMapOvr>
  <p:transition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9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9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9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57071451"/>
      </p:ext>
    </p:extLst>
  </p:cSld>
  <p:clrMapOvr>
    <a:masterClrMapping/>
  </p:clrMapOvr>
  <p:transition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337201868"/>
      </p:ext>
    </p:extLst>
  </p:cSld>
  <p:clrMapOvr>
    <a:masterClrMapping/>
  </p:clrMapOvr>
  <p:transition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9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9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18631161"/>
      </p:ext>
    </p:extLst>
  </p:cSld>
  <p:clrMapOvr>
    <a:masterClrMapping/>
  </p:clrMapOvr>
  <p:transition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1" y="274644"/>
            <a:ext cx="10972801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2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ea typeface="ＭＳ Ｐゴシック" charset="0"/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2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4162282"/>
      </p:ext>
    </p:extLst>
  </p:cSld>
  <p:clrMapOvr>
    <a:masterClrMapping/>
  </p:clrMapOvr>
  <p:transition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10972801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10972801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89246606"/>
      </p:ext>
    </p:extLst>
  </p:cSld>
  <p:clrMapOvr>
    <a:masterClrMapping/>
  </p:clrMapOvr>
  <p:transition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22962-C.jpg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" y="1536212"/>
            <a:ext cx="12192000" cy="3785577"/>
          </a:xfrm>
          <a:prstGeom prst="rect">
            <a:avLst/>
          </a:prstGeom>
        </p:spPr>
      </p:pic>
      <p:sp>
        <p:nvSpPr>
          <p:cNvPr id="6" name="Rectangle 5"/>
          <p:cNvSpPr/>
          <p:nvPr userDrawn="1"/>
        </p:nvSpPr>
        <p:spPr bwMode="auto">
          <a:xfrm>
            <a:off x="1" y="1"/>
            <a:ext cx="12192000" cy="121465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220190" y="6502401"/>
            <a:ext cx="406506" cy="23706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8" name="Rectangle 7"/>
          <p:cNvSpPr/>
          <p:nvPr userDrawn="1"/>
        </p:nvSpPr>
        <p:spPr bwMode="auto">
          <a:xfrm>
            <a:off x="630785" y="6353504"/>
            <a:ext cx="4818934" cy="50449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687790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Text Box 5"/>
          <p:cNvSpPr txBox="1">
            <a:spLocks noChangeArrowheads="1"/>
          </p:cNvSpPr>
          <p:nvPr userDrawn="1"/>
        </p:nvSpPr>
        <p:spPr bwMode="auto">
          <a:xfrm>
            <a:off x="687790" y="88732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black">
                  <a:lumMod val="50000"/>
                  <a:lumOff val="50000"/>
                </a:prstClr>
              </a:solidFill>
              <a:cs typeface="Arial" charset="0"/>
            </a:endParaRPr>
          </a:p>
        </p:txBody>
      </p:sp>
      <p:sp>
        <p:nvSpPr>
          <p:cNvPr id="19" name="Footer Placeholder 3"/>
          <p:cNvSpPr txBox="1">
            <a:spLocks/>
          </p:cNvSpPr>
          <p:nvPr userDrawn="1"/>
        </p:nvSpPr>
        <p:spPr>
          <a:xfrm>
            <a:off x="685979" y="6533479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provides these slides to promote a better understanding of 3M's software and/or services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These slides contain 3M confidential information and are for customer’s internal review only.</a:t>
            </a:r>
            <a:endParaRPr lang="en-US" sz="900" kern="0" dirty="0">
              <a:solidFill>
                <a:prstClr val="black">
                  <a:lumMod val="50000"/>
                  <a:lumOff val="50000"/>
                </a:prstClr>
              </a:solidFill>
              <a:ea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177364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21918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202378" y="50975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0439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41767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23403" y="47822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22204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9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19787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8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78244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2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181350" y="48873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12965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84592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8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Content Placeholder 22"/>
          <p:cNvSpPr>
            <a:spLocks noGrp="1"/>
          </p:cNvSpPr>
          <p:nvPr>
            <p:ph sz="quarter" idx="12"/>
          </p:nvPr>
        </p:nvSpPr>
        <p:spPr>
          <a:xfrm>
            <a:off x="79961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95343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Content Placeholder 22"/>
          <p:cNvSpPr>
            <a:spLocks noGrp="1"/>
          </p:cNvSpPr>
          <p:nvPr>
            <p:ph sz="quarter" idx="12"/>
          </p:nvPr>
        </p:nvSpPr>
        <p:spPr>
          <a:xfrm>
            <a:off x="7996103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605833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5013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0398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4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0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2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93101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481148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MM 2012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914411" y="595979"/>
            <a:ext cx="10972801" cy="628136"/>
          </a:xfrm>
          <a:prstGeom prst="rect">
            <a:avLst/>
          </a:prstGeom>
        </p:spPr>
        <p:txBody>
          <a:bodyPr lIns="0" tIns="0" rIns="0" bIns="0"/>
          <a:lstStyle>
            <a:lvl1pPr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7906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64185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586406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6565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4727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8537382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16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image" Target="../media/image4.emf"/><Relationship Id="rId2" Type="http://schemas.openxmlformats.org/officeDocument/2006/relationships/slideLayout" Target="../slideLayouts/slideLayout30.xml"/><Relationship Id="rId16" Type="http://schemas.openxmlformats.org/officeDocument/2006/relationships/image" Target="../media/image3.jpeg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83956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5" y="620714"/>
            <a:ext cx="10972801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5" y="1525588"/>
            <a:ext cx="10972801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4" y="6435731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  <a:ea typeface="ＭＳ Ｐゴシック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9" y="6611943"/>
            <a:ext cx="3200427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1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6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ea typeface="ＭＳ Ｐゴシック" charset="0"/>
              </a:rPr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296414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22962-3.jpg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" y="1"/>
            <a:ext cx="12192000" cy="457195"/>
          </a:xfrm>
          <a:prstGeom prst="rect">
            <a:avLst/>
          </a:prstGeom>
        </p:spPr>
      </p:pic>
      <p:sp>
        <p:nvSpPr>
          <p:cNvPr id="8" name="Text Box 5"/>
          <p:cNvSpPr txBox="1">
            <a:spLocks noChangeArrowheads="1"/>
          </p:cNvSpPr>
          <p:nvPr/>
        </p:nvSpPr>
        <p:spPr bwMode="auto">
          <a:xfrm>
            <a:off x="97808" y="95228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white"/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white"/>
              </a:solidFill>
              <a:cs typeface="Arial" charset="0"/>
            </a:endParaRPr>
          </a:p>
        </p:txBody>
      </p:sp>
      <p:pic>
        <p:nvPicPr>
          <p:cNvPr id="14" name="Picture 13" descr="3M_logo.emf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5807889" y="6400801"/>
            <a:ext cx="576223" cy="292433"/>
          </a:xfrm>
          <a:prstGeom prst="rect">
            <a:avLst/>
          </a:prstGeom>
        </p:spPr>
      </p:pic>
      <p:sp>
        <p:nvSpPr>
          <p:cNvPr id="15" name="Footer Placeholder 3"/>
          <p:cNvSpPr txBox="1">
            <a:spLocks/>
          </p:cNvSpPr>
          <p:nvPr/>
        </p:nvSpPr>
        <p:spPr>
          <a:xfrm>
            <a:off x="685979" y="6523954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Confidential – for customer's internal review only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Further use or disclosure requires prior approval from 3M.</a:t>
            </a:r>
          </a:p>
        </p:txBody>
      </p:sp>
      <p:sp>
        <p:nvSpPr>
          <p:cNvPr id="16" name="Rectangle 6"/>
          <p:cNvSpPr>
            <a:spLocks noChangeArrowheads="1"/>
          </p:cNvSpPr>
          <p:nvPr/>
        </p:nvSpPr>
        <p:spPr bwMode="auto">
          <a:xfrm>
            <a:off x="273913" y="6567081"/>
            <a:ext cx="362044" cy="1828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C2052321-C6F9-4678-99AF-88377A6A9DB1}" type="slidenum">
              <a:rPr lang="en-US" sz="100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US" sz="900" dirty="0">
              <a:solidFill>
                <a:prstClr val="black">
                  <a:lumMod val="50000"/>
                  <a:lumOff val="50000"/>
                </a:prstClr>
              </a:solidFill>
              <a:latin typeface="Arial Black" pitchFamily="34" charset="0"/>
              <a:cs typeface="Arial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5388949" y="3075067"/>
            <a:ext cx="1380786" cy="76965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 smtClean="0">
              <a:solidFill>
                <a:prstClr val="black"/>
              </a:solidFill>
              <a:cs typeface="Arial" charset="0"/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6923631" y="6574536"/>
            <a:ext cx="4573191" cy="182880"/>
            <a:chOff x="6949440" y="6574536"/>
            <a:chExt cx="4572000" cy="182880"/>
          </a:xfrm>
        </p:grpSpPr>
        <p:grpSp>
          <p:nvGrpSpPr>
            <p:cNvPr id="24" name="Group 8"/>
            <p:cNvGrpSpPr/>
            <p:nvPr/>
          </p:nvGrpSpPr>
          <p:grpSpPr>
            <a:xfrm>
              <a:off x="6949440" y="6574536"/>
              <a:ext cx="4572000" cy="182880"/>
              <a:chOff x="6953905" y="6574536"/>
              <a:chExt cx="4572000" cy="182880"/>
            </a:xfrm>
          </p:grpSpPr>
          <p:sp>
            <p:nvSpPr>
              <p:cNvPr id="26" name="TextBox 25"/>
              <p:cNvSpPr txBox="1"/>
              <p:nvPr/>
            </p:nvSpPr>
            <p:spPr>
              <a:xfrm>
                <a:off x="9459529" y="6574536"/>
                <a:ext cx="1177586" cy="18288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r" defTabSz="914088">
                  <a:defRPr/>
                </a:pPr>
                <a:fld id="{947A7B7F-7420-45D2-94CB-7DFC4A377B8C}" type="datetime3">
                  <a:rPr lang="en-US" sz="900" kern="0" smtClean="0">
                    <a:solidFill>
                      <a:srgbClr val="000000">
                        <a:lumMod val="50000"/>
                        <a:lumOff val="50000"/>
                      </a:srgbClr>
                    </a:solidFill>
                    <a:cs typeface="Arial" charset="0"/>
                  </a:rPr>
                  <a:pPr algn="r" defTabSz="914088">
                    <a:defRPr/>
                  </a:pPr>
                  <a:t>30 September 2014</a:t>
                </a:fld>
                <a:endParaRPr lang="en-US" sz="900" kern="0" dirty="0">
                  <a:solidFill>
                    <a:srgbClr val="000000">
                      <a:lumMod val="50000"/>
                      <a:lumOff val="50000"/>
                    </a:srgbClr>
                  </a:solidFill>
                  <a:cs typeface="Arial" charset="0"/>
                </a:endParaRPr>
              </a:p>
            </p:txBody>
          </p:sp>
          <p:sp>
            <p:nvSpPr>
              <p:cNvPr id="27" name="Rectangle 26"/>
              <p:cNvSpPr/>
              <p:nvPr/>
            </p:nvSpPr>
            <p:spPr bwMode="auto">
              <a:xfrm>
                <a:off x="9260545" y="6589264"/>
                <a:ext cx="1163039" cy="153425"/>
              </a:xfrm>
              <a:prstGeom prst="rect">
                <a:avLst/>
              </a:prstGeom>
              <a:solidFill>
                <a:schemeClr val="bg1"/>
              </a:solidFill>
              <a:ln w="9525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defTabSz="914088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US" sz="1800">
                  <a:solidFill>
                    <a:prstClr val="black"/>
                  </a:solidFill>
                  <a:latin typeface="Arial" charset="0"/>
                  <a:ea typeface="Arial" charset="0"/>
                  <a:cs typeface="Arial" charset="0"/>
                </a:endParaRPr>
              </a:p>
            </p:txBody>
          </p:sp>
          <p:sp>
            <p:nvSpPr>
              <p:cNvPr id="28" name="Footer Placeholder 3"/>
              <p:cNvSpPr txBox="1">
                <a:spLocks/>
              </p:cNvSpPr>
              <p:nvPr/>
            </p:nvSpPr>
            <p:spPr>
              <a:xfrm>
                <a:off x="6953905" y="6574536"/>
                <a:ext cx="4572000" cy="182880"/>
              </a:xfrm>
              <a:prstGeom prst="rect">
                <a:avLst/>
              </a:prstGeom>
            </p:spPr>
            <p:txBody>
              <a:bodyPr wrap="none" lIns="0" tIns="0" rIns="0" bIns="0"/>
              <a:lstStyle>
                <a:lvl1pPr>
                  <a:defRPr sz="800">
                    <a:solidFill>
                      <a:schemeClr val="bg2"/>
                    </a:solidFill>
                    <a:latin typeface="+mn-lt"/>
                  </a:defRPr>
                </a:lvl1pPr>
              </a:lstStyle>
              <a:p>
                <a:pPr algn="r" defTabSz="914088">
                  <a:tabLst>
                    <a:tab pos="798513" algn="r"/>
                  </a:tabLst>
                  <a:defRPr/>
                </a:pPr>
                <a:r>
                  <a:rPr lang="en-US" sz="900" kern="0" dirty="0" smtClean="0">
                    <a:solidFill>
                      <a:prstClr val="black">
                        <a:lumMod val="50000"/>
                        <a:lumOff val="50000"/>
                      </a:prstClr>
                    </a:solidFill>
                    <a:ea typeface="Arial" charset="0"/>
                    <a:cs typeface="Arial" charset="0"/>
                  </a:rPr>
                  <a:t>. All Rights Reserved.</a:t>
                </a:r>
                <a:endParaRPr lang="en-US" sz="900" kern="0" dirty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endParaRPr>
              </a:p>
            </p:txBody>
          </p:sp>
        </p:grpSp>
        <p:sp>
          <p:nvSpPr>
            <p:cNvPr id="25" name="TextBox 24"/>
            <p:cNvSpPr txBox="1"/>
            <p:nvPr/>
          </p:nvSpPr>
          <p:spPr>
            <a:xfrm>
              <a:off x="10178528" y="6574536"/>
              <a:ext cx="258449" cy="1828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900" kern="0" dirty="0" smtClean="0">
                  <a:solidFill>
                    <a:srgbClr val="000000">
                      <a:lumMod val="50000"/>
                      <a:lumOff val="50000"/>
                    </a:srgbClr>
                  </a:solidFill>
                  <a:ea typeface="Arial" charset="0"/>
                  <a:cs typeface="Arial" charset="0"/>
                </a:rPr>
                <a:t>© </a:t>
              </a:r>
              <a:r>
                <a:rPr lang="en-US" sz="900" kern="0" dirty="0" smtClean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rPr>
                <a:t>3M</a:t>
              </a:r>
              <a:endParaRPr lang="en-US" sz="18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26684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  <p:sldLayoutId id="2147483702" r:id="rId12"/>
    <p:sldLayoutId id="2147483703" r:id="rId13"/>
    <p:sldLayoutId id="2147483704" r:id="rId14"/>
  </p:sldLayoutIdLst>
  <p:transition>
    <p:fade/>
  </p:transition>
  <p:timing>
    <p:tnLst>
      <p:par>
        <p:cTn id="1" dur="indefinite" restart="never" nodeType="tmRoot"/>
      </p:par>
    </p:tnLst>
  </p:timing>
  <p:hf hdr="0" ftr="0"/>
  <p:txStyles>
    <p:titleStyle>
      <a:lvl1pPr algn="l" rtl="0" eaLnBrk="1" fontAlgn="base" hangingPunct="1">
        <a:lnSpc>
          <a:spcPct val="85000"/>
        </a:lnSpc>
        <a:spcBef>
          <a:spcPct val="0"/>
        </a:spcBef>
        <a:spcAft>
          <a:spcPts val="300"/>
        </a:spcAft>
        <a:defRPr lang="en-US" sz="3200" dirty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2pPr>
      <a:lvl3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3pPr>
      <a:lvl4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4pPr>
      <a:lvl5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5pPr>
      <a:lvl6pPr marL="4572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6pPr>
      <a:lvl7pPr marL="9144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7pPr>
      <a:lvl8pPr marL="13716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8pPr>
      <a:lvl9pPr marL="18288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9pPr>
    </p:titleStyle>
    <p:bodyStyle>
      <a:lvl1pPr marL="236538" indent="-236538" algn="l" rtl="0" eaLnBrk="1" fontAlgn="base" hangingPunct="1">
        <a:spcBef>
          <a:spcPct val="20000"/>
        </a:spcBef>
        <a:spcAft>
          <a:spcPts val="504"/>
        </a:spcAft>
        <a:buClr>
          <a:schemeClr val="bg2"/>
        </a:buClr>
        <a:buFont typeface="Wingdings" pitchFamily="2" charset="2"/>
        <a:buChar char="§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338138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―"/>
        <a:defRPr sz="2400" i="0">
          <a:solidFill>
            <a:schemeClr val="tx1"/>
          </a:solidFill>
          <a:latin typeface="+mn-lt"/>
          <a:ea typeface="+mn-ea"/>
          <a:cs typeface="+mn-cs"/>
        </a:defRPr>
      </a:lvl2pPr>
      <a:lvl3pPr marL="738188" indent="-1635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80000"/>
        <a:buFont typeface="Arial" pitchFamily="34" charset="0"/>
        <a:buChar char="•"/>
        <a:defRPr sz="2000" i="0">
          <a:solidFill>
            <a:schemeClr val="tx1"/>
          </a:solidFill>
          <a:latin typeface="+mn-lt"/>
          <a:ea typeface="+mn-ea"/>
          <a:cs typeface="+mn-cs"/>
        </a:defRPr>
      </a:lvl3pPr>
      <a:lvl4pPr marL="914400" indent="-1762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–"/>
        <a:defRPr i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-548640" algn="l" rtl="0" eaLnBrk="1" fontAlgn="base" hangingPunct="1">
        <a:spcBef>
          <a:spcPts val="600"/>
        </a:spcBef>
        <a:spcAft>
          <a:spcPts val="600"/>
        </a:spcAft>
        <a:buClr>
          <a:schemeClr val="bg2">
            <a:lumMod val="50000"/>
          </a:schemeClr>
        </a:buClr>
        <a:buSzPct val="80000"/>
        <a:buFont typeface="Wingdings" pitchFamily="2" charset="2"/>
        <a:buChar char="§"/>
        <a:defRPr sz="1600">
          <a:solidFill>
            <a:srgbClr val="4D4D4D"/>
          </a:solidFill>
          <a:latin typeface="+mn-lt"/>
          <a:ea typeface="+mn-ea"/>
          <a:cs typeface="+mn-cs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4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emf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hyperlink" Target="http://tfsdev.mmm.com:8080/tfs" TargetMode="External"/><Relationship Id="rId13" Type="http://schemas.openxmlformats.org/officeDocument/2006/relationships/hyperlink" Target="http://tfsqa.mmm.com/reports" TargetMode="External"/><Relationship Id="rId3" Type="http://schemas.openxmlformats.org/officeDocument/2006/relationships/diagramLayout" Target="../diagrams/layout4.xml"/><Relationship Id="rId7" Type="http://schemas.openxmlformats.org/officeDocument/2006/relationships/hyperlink" Target="http://tfsarchive.usac.mmm.com:8080/tfs" TargetMode="External"/><Relationship Id="rId12" Type="http://schemas.openxmlformats.org/officeDocument/2006/relationships/hyperlink" Target="http://tfsqa.mmm.com/" TargetMode="External"/><Relationship Id="rId2" Type="http://schemas.openxmlformats.org/officeDocument/2006/relationships/diagramData" Target="../diagrams/data4.xml"/><Relationship Id="rId16" Type="http://schemas.openxmlformats.org/officeDocument/2006/relationships/hyperlink" Target="http://tfs.mmm.com/reports" TargetMode="Externa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4.xml"/><Relationship Id="rId11" Type="http://schemas.openxmlformats.org/officeDocument/2006/relationships/hyperlink" Target="http://tfsqa.usac.mmm.com:8080/tfs" TargetMode="External"/><Relationship Id="rId5" Type="http://schemas.openxmlformats.org/officeDocument/2006/relationships/diagramColors" Target="../diagrams/colors4.xml"/><Relationship Id="rId15" Type="http://schemas.openxmlformats.org/officeDocument/2006/relationships/hyperlink" Target="http://tfs.mmm.com/" TargetMode="External"/><Relationship Id="rId10" Type="http://schemas.openxmlformats.org/officeDocument/2006/relationships/hyperlink" Target="http://devsql46/reports" TargetMode="External"/><Relationship Id="rId4" Type="http://schemas.openxmlformats.org/officeDocument/2006/relationships/diagramQuickStyle" Target="../diagrams/quickStyle4.xml"/><Relationship Id="rId9" Type="http://schemas.openxmlformats.org/officeDocument/2006/relationships/hyperlink" Target="http://tfsdev.mmm.com/" TargetMode="External"/><Relationship Id="rId14" Type="http://schemas.openxmlformats.org/officeDocument/2006/relationships/hyperlink" Target="http://tfs.mmm.com:8080/tfs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jpeg"/><Relationship Id="rId3" Type="http://schemas.openxmlformats.org/officeDocument/2006/relationships/image" Target="../media/image7.png"/><Relationship Id="rId7" Type="http://schemas.openxmlformats.org/officeDocument/2006/relationships/image" Target="../media/image1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0.jpeg"/><Relationship Id="rId5" Type="http://schemas.openxmlformats.org/officeDocument/2006/relationships/image" Target="../media/image9.jpeg"/><Relationship Id="rId4" Type="http://schemas.openxmlformats.org/officeDocument/2006/relationships/image" Target="../media/image8.png"/><Relationship Id="rId9" Type="http://schemas.openxmlformats.org/officeDocument/2006/relationships/image" Target="../media/image13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emf"/><Relationship Id="rId13" Type="http://schemas.openxmlformats.org/officeDocument/2006/relationships/image" Target="../media/image24.emf"/><Relationship Id="rId18" Type="http://schemas.openxmlformats.org/officeDocument/2006/relationships/image" Target="../media/image29.emf"/><Relationship Id="rId3" Type="http://schemas.openxmlformats.org/officeDocument/2006/relationships/image" Target="../media/image14.emf"/><Relationship Id="rId21" Type="http://schemas.openxmlformats.org/officeDocument/2006/relationships/image" Target="../media/image32.emf"/><Relationship Id="rId7" Type="http://schemas.openxmlformats.org/officeDocument/2006/relationships/image" Target="../media/image18.emf"/><Relationship Id="rId12" Type="http://schemas.openxmlformats.org/officeDocument/2006/relationships/image" Target="../media/image23.emf"/><Relationship Id="rId17" Type="http://schemas.openxmlformats.org/officeDocument/2006/relationships/image" Target="../media/image28.emf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27.emf"/><Relationship Id="rId20" Type="http://schemas.openxmlformats.org/officeDocument/2006/relationships/image" Target="../media/image31.emf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7.emf"/><Relationship Id="rId11" Type="http://schemas.openxmlformats.org/officeDocument/2006/relationships/image" Target="../media/image22.emf"/><Relationship Id="rId5" Type="http://schemas.openxmlformats.org/officeDocument/2006/relationships/image" Target="../media/image16.emf"/><Relationship Id="rId15" Type="http://schemas.openxmlformats.org/officeDocument/2006/relationships/image" Target="../media/image26.emf"/><Relationship Id="rId10" Type="http://schemas.openxmlformats.org/officeDocument/2006/relationships/image" Target="../media/image21.emf"/><Relationship Id="rId19" Type="http://schemas.openxmlformats.org/officeDocument/2006/relationships/image" Target="../media/image30.emf"/><Relationship Id="rId4" Type="http://schemas.openxmlformats.org/officeDocument/2006/relationships/image" Target="../media/image15.emf"/><Relationship Id="rId9" Type="http://schemas.openxmlformats.org/officeDocument/2006/relationships/image" Target="../media/image20.emf"/><Relationship Id="rId14" Type="http://schemas.openxmlformats.org/officeDocument/2006/relationships/image" Target="../media/image25.emf"/><Relationship Id="rId22" Type="http://schemas.openxmlformats.org/officeDocument/2006/relationships/image" Target="../media/image33.em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diagramLayout" Target="../diagrams/layout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microsoft.com/office/2007/relationships/diagramDrawing" Target="../diagrams/drawing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Data" Target="../diagrams/data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diagramColors" Target="../diagrams/colors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3.xml"/><Relationship Id="rId8" Type="http://schemas.openxmlformats.org/officeDocument/2006/relationships/tags" Target="../tags/tag8.xml"/><Relationship Id="rId51" Type="http://schemas.openxmlformats.org/officeDocument/2006/relationships/diagramQuickStyle" Target="../diagrams/quickStyle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3919447" y="1752600"/>
            <a:ext cx="4653583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 smtClean="0">
                <a:latin typeface="Calibri" panose="020F0502020204030204" pitchFamily="34" charset="0"/>
              </a:rPr>
              <a:t>Enterprise TFS Training</a:t>
            </a:r>
            <a:endParaRPr lang="en-US" sz="3600" dirty="0" smtClean="0">
              <a:latin typeface="Calibri" panose="020F0502020204030204" pitchFamily="34" charset="0"/>
            </a:endParaRPr>
          </a:p>
          <a:p>
            <a:pPr algn="ctr"/>
            <a:r>
              <a:rPr lang="en-US" sz="2800" dirty="0" smtClean="0">
                <a:latin typeface="Calibri" panose="020F0502020204030204" pitchFamily="34" charset="0"/>
              </a:rPr>
              <a:t>Operations </a:t>
            </a:r>
            <a:r>
              <a:rPr lang="en-US" sz="2800" dirty="0" smtClean="0">
                <a:latin typeface="Calibri" panose="020F0502020204030204" pitchFamily="34" charset="0"/>
              </a:rPr>
              <a:t>Training - </a:t>
            </a:r>
            <a:r>
              <a:rPr lang="en-US" sz="2800" dirty="0" smtClean="0">
                <a:latin typeface="Calibri" panose="020F0502020204030204" pitchFamily="34" charset="0"/>
              </a:rPr>
              <a:t>Session 1</a:t>
            </a:r>
            <a:endParaRPr lang="en-US" sz="2800" dirty="0"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SzTx/>
              <a:buNone/>
            </a:pP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Mike </a:t>
            </a: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O’Brien</a:t>
            </a:r>
            <a:endParaRPr lang="en-US" kern="0" dirty="0" smtClean="0">
              <a:solidFill>
                <a:schemeClr val="bg2"/>
              </a:solidFill>
              <a:cs typeface="Arial" charset="0"/>
            </a:endParaRPr>
          </a:p>
          <a:p>
            <a:pPr marL="0" indent="0" algn="ctr" eaLnBrk="1" hangingPunct="1">
              <a:buSzTx/>
              <a:buNone/>
            </a:pP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September </a:t>
            </a: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2014</a:t>
            </a:r>
            <a:endParaRPr lang="en-US" kern="0" dirty="0" smtClean="0">
              <a:solidFill>
                <a:schemeClr val="bg2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35647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2371215"/>
              </p:ext>
            </p:extLst>
          </p:nvPr>
        </p:nvGraphicFramePr>
        <p:xfrm>
          <a:off x="838201" y="1600198"/>
          <a:ext cx="8813796" cy="3970095"/>
        </p:xfrm>
        <a:graphic>
          <a:graphicData uri="http://schemas.openxmlformats.org/drawingml/2006/table">
            <a:tbl>
              <a:tblPr firstRow="1" bandRow="1">
                <a:tableStyleId>{0660B408-B3CF-4A94-85FC-2B1E0A45F4A2}</a:tableStyleId>
              </a:tblPr>
              <a:tblGrid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</a:tblGrid>
              <a:tr h="503454">
                <a:tc>
                  <a:txBody>
                    <a:bodyPr/>
                    <a:lstStyle/>
                    <a:p>
                      <a:r>
                        <a:rPr lang="en-US" dirty="0" smtClean="0"/>
                        <a:t>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e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v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ly</a:t>
                      </a:r>
                      <a:endParaRPr lang="en-US" dirty="0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Chevron 7"/>
          <p:cNvSpPr/>
          <p:nvPr/>
        </p:nvSpPr>
        <p:spPr>
          <a:xfrm>
            <a:off x="912284" y="2121042"/>
            <a:ext cx="9355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Cost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1561323" y="2625646"/>
            <a:ext cx="148045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Install QA/PRO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0" name="Chevron 9"/>
          <p:cNvSpPr/>
          <p:nvPr/>
        </p:nvSpPr>
        <p:spPr>
          <a:xfrm>
            <a:off x="1561323" y="3130250"/>
            <a:ext cx="1321838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IT Ops </a:t>
            </a:r>
            <a:r>
              <a:rPr lang="en-US" sz="1200" dirty="0" smtClean="0"/>
              <a:t>Team Training</a:t>
            </a:r>
            <a:endParaRPr lang="en-US" sz="1200" dirty="0"/>
          </a:p>
        </p:txBody>
      </p:sp>
      <p:sp>
        <p:nvSpPr>
          <p:cNvPr id="12" name="Chevron 11"/>
          <p:cNvSpPr/>
          <p:nvPr/>
        </p:nvSpPr>
        <p:spPr>
          <a:xfrm>
            <a:off x="2149675" y="3746697"/>
            <a:ext cx="20454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Build Team Onboarding Queue</a:t>
            </a:r>
          </a:p>
        </p:txBody>
      </p:sp>
      <p:sp>
        <p:nvSpPr>
          <p:cNvPr id="13" name="Chevron 12"/>
          <p:cNvSpPr/>
          <p:nvPr/>
        </p:nvSpPr>
        <p:spPr>
          <a:xfrm>
            <a:off x="2531546" y="4328418"/>
            <a:ext cx="5501191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Onboard HIS Teams</a:t>
            </a:r>
            <a:endParaRPr lang="en-US" sz="1200" dirty="0"/>
          </a:p>
        </p:txBody>
      </p:sp>
      <p:sp>
        <p:nvSpPr>
          <p:cNvPr id="14" name="Chevron 13"/>
          <p:cNvSpPr/>
          <p:nvPr/>
        </p:nvSpPr>
        <p:spPr>
          <a:xfrm>
            <a:off x="3621293" y="4979123"/>
            <a:ext cx="2984780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Onboard SEMSTFS team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759122" y="2121042"/>
            <a:ext cx="141328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Migration Tool Investig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5" name="Isosceles Triangle 14"/>
          <p:cNvSpPr/>
          <p:nvPr>
            <p:custDataLst>
              <p:tags r:id="rId1"/>
            </p:custDataLst>
          </p:nvPr>
        </p:nvSpPr>
        <p:spPr>
          <a:xfrm rot="10800000">
            <a:off x="4522172" y="1275846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2"/>
            </p:custDataLst>
          </p:nvPr>
        </p:nvSpPr>
        <p:spPr>
          <a:xfrm>
            <a:off x="4056249" y="620714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7" name="TextBox 16"/>
          <p:cNvSpPr txBox="1"/>
          <p:nvPr>
            <p:custDataLst>
              <p:tags r:id="rId3"/>
            </p:custDataLst>
          </p:nvPr>
        </p:nvSpPr>
        <p:spPr>
          <a:xfrm>
            <a:off x="4402809" y="1039480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29605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0972800" cy="530225"/>
          </a:xfrm>
        </p:spPr>
        <p:txBody>
          <a:bodyPr/>
          <a:lstStyle/>
          <a:p>
            <a:r>
              <a:rPr lang="en-US" sz="2400" dirty="0" smtClean="0"/>
              <a:t>ETFS Architecture for QA and PROD</a:t>
            </a:r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0274" y="463133"/>
            <a:ext cx="8871451" cy="59317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9766035"/>
      </p:ext>
    </p:extLst>
  </p:cSld>
  <p:clrMapOvr>
    <a:masterClrMapping/>
  </p:clrMapOvr>
  <p:transition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 smtClean="0"/>
              <a:t>ETFS - Environments</a:t>
            </a:r>
            <a:endParaRPr lang="en-US" sz="2800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1775124513"/>
              </p:ext>
            </p:extLst>
          </p:nvPr>
        </p:nvGraphicFramePr>
        <p:xfrm>
          <a:off x="1225868" y="1410788"/>
          <a:ext cx="7767304" cy="446749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9149640" y="1868898"/>
            <a:ext cx="272222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7"/>
              </a:rPr>
              <a:t>http://tfsarchive.usac.mmm.com:8080/tfs</a:t>
            </a:r>
            <a:endParaRPr lang="en-US" sz="11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9162864" y="2848467"/>
            <a:ext cx="2196435" cy="6001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8"/>
              </a:rPr>
              <a:t>http://tfsdev.mmm.com:8080/tfs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9"/>
              </a:rPr>
              <a:t>http://tfsdev.mmm.com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0"/>
              </a:rPr>
              <a:t>http://devsql46/reports</a:t>
            </a:r>
            <a:endParaRPr lang="en-US" sz="11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9162864" y="3813507"/>
            <a:ext cx="2157963" cy="6001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1"/>
              </a:rPr>
              <a:t>http://tfsqa.mmm.com:8080/tfs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2"/>
              </a:rPr>
              <a:t>http://tfsqa.mmm.com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3"/>
              </a:rPr>
              <a:t>http://tfsqa.mmm.com/reports</a:t>
            </a:r>
            <a:endParaRPr lang="en-US" sz="11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9162864" y="4963213"/>
            <a:ext cx="1972015" cy="6001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4"/>
              </a:rPr>
              <a:t>http://tfs.mmm.com:8080/tfs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5"/>
              </a:rPr>
              <a:t>http://tfs.mmm.com</a:t>
            </a:r>
            <a:endParaRPr lang="en-US" sz="11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z="1100" dirty="0" smtClean="0">
                <a:latin typeface="Segoe UI" panose="020B0502040204020203" pitchFamily="34" charset="0"/>
                <a:cs typeface="Segoe UI" panose="020B0502040204020203" pitchFamily="34" charset="0"/>
                <a:hlinkClick r:id="rId16"/>
              </a:rPr>
              <a:t>http://tfs.mmm.com/reports</a:t>
            </a:r>
            <a:endParaRPr lang="en-US" sz="11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395359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nefits of Enterprise TFS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6402916" cy="4144962"/>
          </a:xfrm>
        </p:spPr>
        <p:txBody>
          <a:bodyPr/>
          <a:lstStyle/>
          <a:p>
            <a:r>
              <a:rPr lang="en-US" dirty="0" smtClean="0"/>
              <a:t>Centralized Repository</a:t>
            </a:r>
          </a:p>
          <a:p>
            <a:pPr lvl="1"/>
            <a:r>
              <a:rPr lang="en-US" dirty="0" smtClean="0"/>
              <a:t>High Availability</a:t>
            </a:r>
          </a:p>
          <a:p>
            <a:pPr lvl="1"/>
            <a:r>
              <a:rPr lang="en-US" dirty="0" smtClean="0"/>
              <a:t>Improved Disaster Recovery</a:t>
            </a:r>
          </a:p>
          <a:p>
            <a:pPr lvl="1"/>
            <a:r>
              <a:rPr lang="en-US" dirty="0"/>
              <a:t>Increased collaboration/sharing</a:t>
            </a:r>
          </a:p>
          <a:p>
            <a:pPr lvl="1"/>
            <a:r>
              <a:rPr lang="en-US" dirty="0"/>
              <a:t>Reduced </a:t>
            </a:r>
            <a:r>
              <a:rPr lang="en-US" dirty="0" smtClean="0"/>
              <a:t>cost</a:t>
            </a:r>
          </a:p>
          <a:p>
            <a:r>
              <a:rPr lang="en-US" dirty="0" smtClean="0"/>
              <a:t>Support Specialists – customization, maintenance and support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Visibility – customized Key Performance Indicators (KPI’s)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Training – increased knowledge of capabiliti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2"/>
            <a:endParaRPr lang="en-US" dirty="0" smtClean="0"/>
          </a:p>
          <a:p>
            <a:pPr lvl="2"/>
            <a:endParaRPr lang="en-US" dirty="0" smtClean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126941" y="206188"/>
            <a:ext cx="4504514" cy="5661211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  <p:sp>
        <p:nvSpPr>
          <p:cNvPr id="4" name="TextBox 3"/>
          <p:cNvSpPr txBox="1"/>
          <p:nvPr/>
        </p:nvSpPr>
        <p:spPr>
          <a:xfrm>
            <a:off x="7315200" y="5948082"/>
            <a:ext cx="4834978" cy="3631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fography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created by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Cycle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Software</a:t>
            </a:r>
          </a:p>
          <a:p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ource information from Forrester:  The Total, Economic Impact of Microsoft Application Life Cycle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Mangement</a:t>
            </a:r>
            <a:endParaRPr lang="en-US" sz="8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568016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2916194"/>
            <a:ext cx="10972800" cy="1145059"/>
          </a:xfrm>
        </p:spPr>
        <p:txBody>
          <a:bodyPr/>
          <a:lstStyle/>
          <a:p>
            <a:pPr marL="0" indent="0" algn="ctr">
              <a:buNone/>
            </a:pPr>
            <a:r>
              <a:rPr lang="en-US" sz="3600" dirty="0" smtClean="0"/>
              <a:t>Thank You!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35180863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Team Foundation Server (TFS)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257139"/>
            <a:ext cx="6677025" cy="1550987"/>
          </a:xfrm>
        </p:spPr>
        <p:txBody>
          <a:bodyPr/>
          <a:lstStyle/>
          <a:p>
            <a:pPr>
              <a:buNone/>
            </a:pPr>
            <a:r>
              <a:rPr lang="en-US" sz="2000" b="1" dirty="0" smtClean="0"/>
              <a:t>Team </a:t>
            </a:r>
            <a:r>
              <a:rPr lang="en-US" sz="2000" b="1" dirty="0"/>
              <a:t>Foundation Server</a:t>
            </a:r>
            <a:r>
              <a:rPr lang="en-US" sz="2000" dirty="0"/>
              <a:t> is a Microsoft product which provides source code management, reporting, requirements management, project management, automated builds, lab management, testing and release management capabilities</a:t>
            </a:r>
            <a:r>
              <a:rPr lang="en-US" sz="2000" dirty="0" smtClean="0"/>
              <a:t>.</a:t>
            </a:r>
            <a:endParaRPr lang="en-US" sz="2000" dirty="0"/>
          </a:p>
        </p:txBody>
      </p:sp>
      <p:pic>
        <p:nvPicPr>
          <p:cNvPr id="4" name="Picture 3" descr="http://arsenalcontent/redirectURL.aspx?ContentID=148675&amp;Url=Marketing/VSTS%202010%20Stadium%20Graphic%20-%20NDA08102008174509/vsts_diagram1_v3_3block_print.png&amp;Portal=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490066" y="516709"/>
            <a:ext cx="4395018" cy="30318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9" name="Group 8"/>
          <p:cNvGrpSpPr/>
          <p:nvPr/>
        </p:nvGrpSpPr>
        <p:grpSpPr>
          <a:xfrm>
            <a:off x="825683" y="2739303"/>
            <a:ext cx="4196983" cy="3911860"/>
            <a:chOff x="825683" y="2739303"/>
            <a:chExt cx="4196983" cy="3911860"/>
          </a:xfrm>
        </p:grpSpPr>
        <p:graphicFrame>
          <p:nvGraphicFramePr>
            <p:cNvPr id="6" name="Diagram 5"/>
            <p:cNvGraphicFramePr/>
            <p:nvPr>
              <p:extLst>
                <p:ext uri="{D42A27DB-BD31-4B8C-83A1-F6EECF244321}">
                  <p14:modId xmlns:p14="http://schemas.microsoft.com/office/powerpoint/2010/main" val="561820359"/>
                </p:ext>
              </p:extLst>
            </p:nvPr>
          </p:nvGraphicFramePr>
          <p:xfrm>
            <a:off x="825683" y="2739303"/>
            <a:ext cx="4196983" cy="391186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7" name="TextBox 6"/>
            <p:cNvSpPr txBox="1"/>
            <p:nvPr/>
          </p:nvSpPr>
          <p:spPr>
            <a:xfrm>
              <a:off x="2154518" y="3945944"/>
              <a:ext cx="1707502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pplication Lifecycle Management (ALM)</a:t>
              </a:r>
              <a:endParaRPr lang="en-US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10" name="Rectangle 9"/>
          <p:cNvSpPr/>
          <p:nvPr/>
        </p:nvSpPr>
        <p:spPr>
          <a:xfrm>
            <a:off x="5272216" y="4104830"/>
            <a:ext cx="6096000" cy="1631216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buNone/>
            </a:pPr>
            <a:r>
              <a:rPr lang="en-US" sz="2000" b="1" dirty="0"/>
              <a:t>Application Lifecycle Management </a:t>
            </a:r>
            <a:r>
              <a:rPr lang="en-US" sz="2000" dirty="0"/>
              <a:t>using Visual Studio Team Foundation Server provides proven practices to manage application lifecycle. Manage source code across teams; develop, build, and test applications; plan projects, track work, and report progress. </a:t>
            </a:r>
          </a:p>
        </p:txBody>
      </p:sp>
    </p:spTree>
    <p:extLst>
      <p:ext uri="{BB962C8B-B14F-4D97-AF65-F5344CB8AC3E}">
        <p14:creationId xmlns:p14="http://schemas.microsoft.com/office/powerpoint/2010/main" val="372364773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Why TFS?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5871858" y="2592380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0200" y="838200"/>
            <a:ext cx="4876800" cy="559025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45536" y="2259935"/>
            <a:ext cx="1066800" cy="10636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7205" y="1473352"/>
            <a:ext cx="1524000" cy="1524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90650" y="3422376"/>
            <a:ext cx="1371600" cy="13716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8600" y="4920310"/>
            <a:ext cx="2650236" cy="56594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1540" y="3145457"/>
            <a:ext cx="2072546" cy="138169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7271" y="1263239"/>
            <a:ext cx="996696" cy="9966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87779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Current ALM Landscape at 3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4613249" y="2639876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034834" y="1534878"/>
            <a:ext cx="3180294" cy="21213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37411" y="1852480"/>
            <a:ext cx="781444" cy="67663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9188953" y="1881095"/>
            <a:ext cx="781444" cy="67663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7570518" y="2754350"/>
            <a:ext cx="781444" cy="67663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8895033" y="2749008"/>
            <a:ext cx="781444" cy="676635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8" cstate="print"/>
          <a:stretch>
            <a:fillRect/>
          </a:stretch>
        </p:blipFill>
        <p:spPr>
          <a:xfrm>
            <a:off x="10281129" y="1404249"/>
            <a:ext cx="1294077" cy="131258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10457251" y="1702821"/>
            <a:ext cx="781444" cy="67663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9" cstate="print"/>
          <a:stretch>
            <a:fillRect/>
          </a:stretch>
        </p:blipFill>
        <p:spPr>
          <a:xfrm>
            <a:off x="7416047" y="1976609"/>
            <a:ext cx="308943" cy="414515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0" cstate="print"/>
          <a:stretch>
            <a:fillRect/>
          </a:stretch>
        </p:blipFill>
        <p:spPr>
          <a:xfrm>
            <a:off x="9461097" y="2024845"/>
            <a:ext cx="308943" cy="4145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7828082" y="2885409"/>
            <a:ext cx="308943" cy="4145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9152154" y="2885409"/>
            <a:ext cx="308943" cy="4145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3" cstate="print"/>
          <a:stretch>
            <a:fillRect/>
          </a:stretch>
        </p:blipFill>
        <p:spPr>
          <a:xfrm>
            <a:off x="10748401" y="1846029"/>
            <a:ext cx="308943" cy="414515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4" cstate="print"/>
          <a:stretch>
            <a:fillRect/>
          </a:stretch>
        </p:blipFill>
        <p:spPr>
          <a:xfrm>
            <a:off x="10818822" y="2885409"/>
            <a:ext cx="1175470" cy="113206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11002044" y="3104179"/>
            <a:ext cx="781444" cy="67663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11238294" y="3235239"/>
            <a:ext cx="308943" cy="414515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15" cstate="print"/>
          <a:stretch>
            <a:fillRect/>
          </a:stretch>
        </p:blipFill>
        <p:spPr>
          <a:xfrm>
            <a:off x="9490332" y="3847497"/>
            <a:ext cx="1096444" cy="137284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16" cstate="print"/>
          <a:stretch>
            <a:fillRect/>
          </a:stretch>
        </p:blipFill>
        <p:spPr>
          <a:xfrm>
            <a:off x="9750813" y="4096570"/>
            <a:ext cx="575482" cy="621773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17" cstate="print"/>
          <a:stretch>
            <a:fillRect/>
          </a:stretch>
        </p:blipFill>
        <p:spPr>
          <a:xfrm>
            <a:off x="7126686" y="3748587"/>
            <a:ext cx="2162600" cy="1420324"/>
          </a:xfrm>
          <a:prstGeom prst="rect">
            <a:avLst/>
          </a:prstGeom>
          <a:effectLst>
            <a:outerShdw blurRad="292100" dist="139700" dir="2700000" algn="tl" rotWithShape="0">
              <a:prstClr val="black">
                <a:alpha val="65000"/>
              </a:prstClr>
            </a:outerShdw>
          </a:effectLst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95058" y="4020606"/>
            <a:ext cx="781444" cy="676635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8355952" y="4380025"/>
            <a:ext cx="781444" cy="676635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7431308" y="4151666"/>
            <a:ext cx="308943" cy="41451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8592203" y="4511085"/>
            <a:ext cx="308943" cy="414515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18" cstate="print"/>
          <a:stretch>
            <a:fillRect/>
          </a:stretch>
        </p:blipFill>
        <p:spPr>
          <a:xfrm>
            <a:off x="9223793" y="3328801"/>
            <a:ext cx="581540" cy="774168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19" cstate="print"/>
          <a:stretch>
            <a:fillRect/>
          </a:stretch>
        </p:blipFill>
        <p:spPr>
          <a:xfrm>
            <a:off x="10152095" y="2451822"/>
            <a:ext cx="906979" cy="1492740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20" cstate="print"/>
          <a:stretch>
            <a:fillRect/>
          </a:stretch>
        </p:blipFill>
        <p:spPr>
          <a:xfrm>
            <a:off x="10397443" y="3780813"/>
            <a:ext cx="658196" cy="506637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21" cstate="print"/>
          <a:stretch>
            <a:fillRect/>
          </a:stretch>
        </p:blipFill>
        <p:spPr>
          <a:xfrm>
            <a:off x="8674049" y="4126073"/>
            <a:ext cx="1029810" cy="35355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23705" y="1845549"/>
            <a:ext cx="267463" cy="297755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685078" y="1875968"/>
            <a:ext cx="267463" cy="297755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055814" y="2749008"/>
            <a:ext cx="267463" cy="297755"/>
          </a:xfrm>
          <a:prstGeom prst="rect">
            <a:avLst/>
          </a:prstGeom>
        </p:spPr>
      </p:pic>
      <p:pic>
        <p:nvPicPr>
          <p:cNvPr id="39" name="Picture 38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382972" y="2747848"/>
            <a:ext cx="267463" cy="297755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953302" y="1703602"/>
            <a:ext cx="267463" cy="297755"/>
          </a:xfrm>
          <a:prstGeom prst="rect">
            <a:avLst/>
          </a:prstGeom>
        </p:spPr>
      </p:pic>
      <p:pic>
        <p:nvPicPr>
          <p:cNvPr id="41" name="Picture 40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580194" y="4751821"/>
            <a:ext cx="267463" cy="297755"/>
          </a:xfrm>
          <a:prstGeom prst="rect">
            <a:avLst/>
          </a:prstGeom>
        </p:spPr>
      </p:pic>
      <p:pic>
        <p:nvPicPr>
          <p:cNvPr id="42" name="Picture 41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827570" y="4760742"/>
            <a:ext cx="267463" cy="297755"/>
          </a:xfrm>
          <a:prstGeom prst="rect">
            <a:avLst/>
          </a:prstGeom>
        </p:spPr>
      </p:pic>
      <p:pic>
        <p:nvPicPr>
          <p:cNvPr id="43" name="Picture 4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058832" y="4760742"/>
            <a:ext cx="267463" cy="297755"/>
          </a:xfrm>
          <a:prstGeom prst="rect">
            <a:avLst/>
          </a:prstGeom>
        </p:spPr>
      </p:pic>
      <p:pic>
        <p:nvPicPr>
          <p:cNvPr id="44" name="Picture 43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1500418" y="3105346"/>
            <a:ext cx="267463" cy="297755"/>
          </a:xfrm>
          <a:prstGeom prst="rect">
            <a:avLst/>
          </a:prstGeom>
        </p:spPr>
      </p:pic>
      <p:pic>
        <p:nvPicPr>
          <p:cNvPr id="45" name="Picture 4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94350" y="4010092"/>
            <a:ext cx="267463" cy="297755"/>
          </a:xfrm>
          <a:prstGeom prst="rect">
            <a:avLst/>
          </a:prstGeom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854327" y="4372431"/>
            <a:ext cx="267463" cy="29775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7918855" y="1988433"/>
            <a:ext cx="4198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690163" y="2111170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ational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012285" y="1124362"/>
            <a:ext cx="5765628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Current Situ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 in wide use across 3M – up to 30 serv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ach with staff to maintain, backup and upgra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nual cost per server = $42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30 servers = $1.2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d more systems coming online every day!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Decentralized </a:t>
            </a:r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rvices </a:t>
            </a:r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within 3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Small scale development syste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ack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f common infrastructu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ittle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r no reuse of solutions across groups/divisions/compan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dundancy of personn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Underutilization of </a:t>
            </a: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echnology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133182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 smtClean="0"/>
              <a:t>Who would use ETFS?</a:t>
            </a:r>
            <a:endParaRPr lang="en-US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7507816" cy="4519611"/>
          </a:xfrm>
        </p:spPr>
        <p:txBody>
          <a:bodyPr/>
          <a:lstStyle/>
          <a:p>
            <a:r>
              <a:rPr lang="en-US" sz="2000" dirty="0" smtClean="0"/>
              <a:t>Project Management – plan, schedule, assign and track a project</a:t>
            </a:r>
          </a:p>
          <a:p>
            <a:r>
              <a:rPr lang="en-US" sz="2000" dirty="0" smtClean="0"/>
              <a:t>Business Analyst – record and track requirements</a:t>
            </a:r>
          </a:p>
          <a:p>
            <a:r>
              <a:rPr lang="en-US" sz="2000" dirty="0" smtClean="0"/>
              <a:t>Tester – track bugs – what’s fixed, what to test</a:t>
            </a:r>
          </a:p>
          <a:p>
            <a:r>
              <a:rPr lang="en-US" sz="2000" dirty="0"/>
              <a:t>Software development teams – Windows / Android / iOS / embedded systems</a:t>
            </a:r>
          </a:p>
          <a:p>
            <a:r>
              <a:rPr lang="en-US" sz="2000" dirty="0" err="1"/>
              <a:t>DevOps</a:t>
            </a:r>
            <a:r>
              <a:rPr lang="en-US" sz="2000" dirty="0"/>
              <a:t> – automated build, test and </a:t>
            </a:r>
            <a:r>
              <a:rPr lang="en-US" sz="2000" dirty="0" smtClean="0"/>
              <a:t>deploy</a:t>
            </a:r>
          </a:p>
          <a:p>
            <a:r>
              <a:rPr lang="en-US" sz="2000" dirty="0" smtClean="0"/>
              <a:t>Stakeholders – see progress of project</a:t>
            </a:r>
            <a:endParaRPr lang="en-US" sz="2000" dirty="0"/>
          </a:p>
          <a:p>
            <a:r>
              <a:rPr lang="en-US" sz="2000" dirty="0" smtClean="0"/>
              <a:t>Regulatory – track requirements and outstanding issues</a:t>
            </a:r>
          </a:p>
          <a:p>
            <a:r>
              <a:rPr lang="en-US" sz="2000" dirty="0" smtClean="0"/>
              <a:t>Product teams (e.g., </a:t>
            </a:r>
            <a:r>
              <a:rPr lang="en-US" sz="2000" dirty="0" err="1" smtClean="0"/>
              <a:t>XBox</a:t>
            </a:r>
            <a:r>
              <a:rPr lang="en-US" sz="2000" dirty="0" smtClean="0"/>
              <a:t>) have successfully used TFS for hardware/software delivery.</a:t>
            </a:r>
          </a:p>
          <a:p>
            <a:r>
              <a:rPr lang="en-US" sz="2000" dirty="0" smtClean="0"/>
              <a:t>Globally available</a:t>
            </a:r>
          </a:p>
          <a:p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17463" y="1418253"/>
            <a:ext cx="3771900" cy="3009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140134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MS </a:t>
            </a:r>
            <a:r>
              <a:rPr lang="en-US" dirty="0" err="1" smtClean="0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438184"/>
            <a:ext cx="7536391" cy="990691"/>
          </a:xfrm>
        </p:spPr>
        <p:txBody>
          <a:bodyPr/>
          <a:lstStyle/>
          <a:p>
            <a:pPr marL="0" indent="0">
              <a:buNone/>
            </a:pPr>
            <a:r>
              <a:rPr lang="en-US" sz="1600" b="1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pPr marL="0" indent="0">
              <a:buNone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tomate Build, Deployment, Configuration, Testing and production deployment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4054" y="212369"/>
            <a:ext cx="3271030" cy="31074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1538" y="2428875"/>
            <a:ext cx="6229350" cy="403934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7514454" y="3593993"/>
            <a:ext cx="4265654" cy="14562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>
              <a:buFont typeface="Wingdings" pitchFamily="2" charset="2"/>
              <a:buNone/>
            </a:pP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1400" b="1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Team Onboarding and Migration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Service Enhancements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</a:t>
            </a:r>
            <a:r>
              <a:rPr lang="en-US" sz="1400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 for SEMS and Division Teams (T&amp;M)</a:t>
            </a:r>
          </a:p>
        </p:txBody>
      </p:sp>
    </p:spTree>
    <p:extLst>
      <p:ext uri="{BB962C8B-B14F-4D97-AF65-F5344CB8AC3E}">
        <p14:creationId xmlns:p14="http://schemas.microsoft.com/office/powerpoint/2010/main" val="33944476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Roadmap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042112524"/>
              </p:ext>
            </p:extLst>
          </p:nvPr>
        </p:nvGraphicFramePr>
        <p:xfrm>
          <a:off x="-187326" y="1445976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1" name="Group 10"/>
          <p:cNvGrpSpPr/>
          <p:nvPr/>
        </p:nvGrpSpPr>
        <p:grpSpPr>
          <a:xfrm>
            <a:off x="8491616" y="735986"/>
            <a:ext cx="3393468" cy="1316036"/>
            <a:chOff x="8491616" y="115093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TextBox 4"/>
            <p:cNvSpPr txBox="1"/>
            <p:nvPr/>
          </p:nvSpPr>
          <p:spPr>
            <a:xfrm>
              <a:off x="8491617" y="1150939"/>
              <a:ext cx="3393467" cy="347947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ild - 2014 Q4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8491616" y="151550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2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8491616" y="2219284"/>
            <a:ext cx="3393468" cy="1324016"/>
            <a:chOff x="8491615" y="262885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7" name="TextBox 6"/>
            <p:cNvSpPr txBox="1"/>
            <p:nvPr/>
          </p:nvSpPr>
          <p:spPr>
            <a:xfrm>
              <a:off x="8491616" y="2628859"/>
              <a:ext cx="3393467" cy="345850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dopt - 2015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8491615" y="299342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3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8491616" y="3701966"/>
            <a:ext cx="3393468" cy="1346284"/>
            <a:chOff x="8491615" y="4111541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9" name="TextBox 8"/>
            <p:cNvSpPr txBox="1"/>
            <p:nvPr/>
          </p:nvSpPr>
          <p:spPr>
            <a:xfrm>
              <a:off x="8491616" y="4111541"/>
              <a:ext cx="3393467" cy="340129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Mature - 2016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491615" y="4476111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>
                  <a:latin typeface="Segoe UI" panose="020B0502040204020203" pitchFamily="34" charset="0"/>
                  <a:cs typeface="Segoe UI" panose="020B0502040204020203" pitchFamily="34" charset="0"/>
                </a:rPr>
                <a:t>4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hire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398987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2014 Timelin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1288225" y="255968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>
            <a:off x="2232009" y="2957935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4418969" y="2915495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4060064" y="3140067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8251108" y="2260788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7641508" y="1305522"/>
            <a:ext cx="1524000" cy="664797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HIS Target for all TF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6" name="TextBox 145"/>
          <p:cNvSpPr txBox="1"/>
          <p:nvPr>
            <p:custDataLst>
              <p:tags r:id="rId32"/>
            </p:custDataLst>
          </p:nvPr>
        </p:nvSpPr>
        <p:spPr>
          <a:xfrm>
            <a:off x="8045942" y="1980296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3"/>
            </p:custDataLst>
          </p:nvPr>
        </p:nvSpPr>
        <p:spPr>
          <a:xfrm rot="10800000">
            <a:off x="6996925" y="2229703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4"/>
            </p:custDataLst>
          </p:nvPr>
        </p:nvSpPr>
        <p:spPr>
          <a:xfrm>
            <a:off x="6531002" y="1574571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5"/>
            </p:custDataLst>
          </p:nvPr>
        </p:nvSpPr>
        <p:spPr>
          <a:xfrm rot="10800000">
            <a:off x="4524395" y="2240914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6"/>
            </p:custDataLst>
          </p:nvPr>
        </p:nvSpPr>
        <p:spPr>
          <a:xfrm>
            <a:off x="4091926" y="1568808"/>
            <a:ext cx="129146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FF0000"/>
                </a:solidFill>
                <a:latin typeface="Calibri" panose="020F0502020204030204" pitchFamily="34" charset="0"/>
              </a:rPr>
              <a:t>Startup Investment</a:t>
            </a:r>
            <a:endParaRPr lang="en-US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TextBox 150"/>
          <p:cNvSpPr txBox="1"/>
          <p:nvPr>
            <p:custDataLst>
              <p:tags r:id="rId37"/>
            </p:custDataLst>
          </p:nvPr>
        </p:nvSpPr>
        <p:spPr>
          <a:xfrm>
            <a:off x="4399275" y="1981744"/>
            <a:ext cx="55213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FF0000"/>
                </a:solidFill>
                <a:latin typeface="Calibri" panose="020F0502020204030204" pitchFamily="34" charset="0"/>
              </a:rPr>
              <a:t>Sept</a:t>
            </a:r>
            <a:endParaRPr lang="en-US" sz="16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8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9"/>
            </p:custDataLst>
          </p:nvPr>
        </p:nvSpPr>
        <p:spPr>
          <a:xfrm>
            <a:off x="1842842" y="1753068"/>
            <a:ext cx="1143000" cy="2271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00B0F0"/>
                </a:solidFill>
                <a:latin typeface="Calibri" panose="020F0502020204030204" pitchFamily="34" charset="0"/>
              </a:rPr>
              <a:t>Pre-NTI</a:t>
            </a:r>
            <a:endParaRPr lang="en-US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40"/>
            </p:custDataLst>
          </p:nvPr>
        </p:nvSpPr>
        <p:spPr>
          <a:xfrm>
            <a:off x="2061681" y="2005581"/>
            <a:ext cx="691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May 5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TextBox 154"/>
          <p:cNvSpPr txBox="1"/>
          <p:nvPr>
            <p:custDataLst>
              <p:tags r:id="rId41"/>
            </p:custDataLst>
          </p:nvPr>
        </p:nvSpPr>
        <p:spPr>
          <a:xfrm>
            <a:off x="6877562" y="1993337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3" name="Diagram 42"/>
          <p:cNvGraphicFramePr/>
          <p:nvPr>
            <p:extLst>
              <p:ext uri="{D42A27DB-BD31-4B8C-83A1-F6EECF244321}">
                <p14:modId xmlns:p14="http://schemas.microsoft.com/office/powerpoint/2010/main" val="572460959"/>
              </p:ext>
            </p:extLst>
          </p:nvPr>
        </p:nvGraphicFramePr>
        <p:xfrm>
          <a:off x="2243615" y="2957935"/>
          <a:ext cx="7414004" cy="31728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9" r:lo="rId50" r:qs="rId51" r:cs="rId52"/>
          </a:graphicData>
        </a:graphic>
      </p:graphicFrame>
      <p:cxnSp>
        <p:nvCxnSpPr>
          <p:cNvPr id="52" name="Straight Connector 51"/>
          <p:cNvCxnSpPr/>
          <p:nvPr>
            <p:custDataLst>
              <p:tags r:id="rId42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43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4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5"/>
            </p:custDataLst>
          </p:nvPr>
        </p:nvSpPr>
        <p:spPr>
          <a:xfrm rot="10800000">
            <a:off x="10656929" y="2251546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6"/>
            </p:custDataLst>
          </p:nvPr>
        </p:nvSpPr>
        <p:spPr>
          <a:xfrm>
            <a:off x="10047329" y="1517879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All HI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2" name="TextBox 61"/>
          <p:cNvSpPr txBox="1"/>
          <p:nvPr>
            <p:custDataLst>
              <p:tags r:id="rId47"/>
            </p:custDataLst>
          </p:nvPr>
        </p:nvSpPr>
        <p:spPr>
          <a:xfrm>
            <a:off x="10451763" y="1971054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366252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TFS Technology</a:t>
            </a:r>
            <a:endParaRPr lang="en-US" b="1" dirty="0">
              <a:latin typeface="Arial" pitchFamily="34" charset="0"/>
              <a:cs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latin typeface="Arial" pitchFamily="34" charset="0"/>
                <a:cs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Value Added</a:t>
            </a:r>
            <a:endParaRPr lang="en-US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/>
              <a:t>TFS</a:t>
            </a:r>
            <a:endParaRPr lang="en-US" dirty="0"/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/>
              <a:t>Enterprise Software Development Process</a:t>
            </a:r>
            <a:endParaRPr lang="en-US" dirty="0"/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76601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4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HIS_Template_PHYSICIAN-FOR-CUSTOMERS_Wide_Editable">
  <a:themeElements>
    <a:clrScheme name="HIS_2012">
      <a:dk1>
        <a:sysClr val="windowText" lastClr="000000"/>
      </a:dk1>
      <a:lt1>
        <a:sysClr val="window" lastClr="FFFFFF"/>
      </a:lt1>
      <a:dk2>
        <a:srgbClr val="666666"/>
      </a:dk2>
      <a:lt2>
        <a:srgbClr val="666666"/>
      </a:lt2>
      <a:accent1>
        <a:srgbClr val="0070C0"/>
      </a:accent1>
      <a:accent2>
        <a:srgbClr val="D02800"/>
      </a:accent2>
      <a:accent3>
        <a:srgbClr val="63701A"/>
      </a:accent3>
      <a:accent4>
        <a:srgbClr val="6274B9"/>
      </a:accent4>
      <a:accent5>
        <a:srgbClr val="00AAD2"/>
      </a:accent5>
      <a:accent6>
        <a:srgbClr val="F2B129"/>
      </a:accent6>
      <a:hlink>
        <a:srgbClr val="003760"/>
      </a:hlink>
      <a:folHlink>
        <a:srgbClr val="9C1E00"/>
      </a:folHlink>
    </a:clrScheme>
    <a:fontScheme name="3M">
      <a:majorFont>
        <a:latin typeface="Arial Narrow"/>
        <a:ea typeface=""/>
        <a:cs typeface=""/>
      </a:majorFont>
      <a:minorFont>
        <a:latin typeface="Arial Narrow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+mn-lt"/>
            <a:ea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Arial" charset="0"/>
            <a:cs typeface="Arial" charset="0"/>
          </a:defRPr>
        </a:defPPr>
      </a:lstStyle>
    </a:lnDef>
    <a:txDef>
      <a:spPr>
        <a:noFill/>
      </a:spPr>
      <a:bodyPr wrap="square" rtlCol="0">
        <a:noAutofit/>
      </a:bodyPr>
      <a:lstStyle>
        <a:defPPr>
          <a:defRPr smtClean="0">
            <a:latin typeface="+mn-lt"/>
          </a:defRPr>
        </a:defPPr>
      </a:lstStyle>
    </a:txDef>
  </a:objectDefaults>
  <a:extraClrSchemeLst>
    <a:extraClrScheme>
      <a:clrScheme name="Office Them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C4CB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AAB2D6"/>
        </a:accent5>
        <a:accent6>
          <a:srgbClr val="A22100"/>
        </a:accent6>
        <a:hlink>
          <a:srgbClr val="4C198C"/>
        </a:hlink>
        <a:folHlink>
          <a:srgbClr val="4C9933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4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A221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0000"/>
        </a:accent1>
        <a:accent2>
          <a:srgbClr val="009900"/>
        </a:accent2>
        <a:accent3>
          <a:srgbClr val="FFFFFF"/>
        </a:accent3>
        <a:accent4>
          <a:srgbClr val="000000"/>
        </a:accent4>
        <a:accent5>
          <a:srgbClr val="AAAAAA"/>
        </a:accent5>
        <a:accent6>
          <a:srgbClr val="008A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68B1"/>
        </a:accent1>
        <a:accent2>
          <a:srgbClr val="7C9DCC"/>
        </a:accent2>
        <a:accent3>
          <a:srgbClr val="FFFFFF"/>
        </a:accent3>
        <a:accent4>
          <a:srgbClr val="000000"/>
        </a:accent4>
        <a:accent5>
          <a:srgbClr val="AAB9D5"/>
        </a:accent5>
        <a:accent6>
          <a:srgbClr val="708EB9"/>
        </a:accent6>
        <a:hlink>
          <a:srgbClr val="FF9933"/>
        </a:hlink>
        <a:folHlink>
          <a:srgbClr val="EEF3A6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D0C259A7161F438FA784257010334D" ma:contentTypeVersion="0" ma:contentTypeDescription="Create a new document." ma:contentTypeScope="" ma:versionID="31bbff30afe39222d43b44513903307f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4abbac300d77a95f839093bb4e9174ad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B5D228A-4BAF-4C40-AF91-0BCA72AD38F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1400CD-2340-446E-865A-049DEA867F51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FC501587-7F88-4155-AD34-6DC9D24E564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3208</TotalTime>
  <Words>878</Words>
  <Application>Microsoft Office PowerPoint</Application>
  <PresentationFormat>Widescreen</PresentationFormat>
  <Paragraphs>215</Paragraphs>
  <Slides>14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4</vt:i4>
      </vt:variant>
    </vt:vector>
  </HeadingPairs>
  <TitlesOfParts>
    <vt:vector size="24" baseType="lpstr">
      <vt:lpstr>ＭＳ Ｐゴシック</vt:lpstr>
      <vt:lpstr>Arial</vt:lpstr>
      <vt:lpstr>Arial Black</vt:lpstr>
      <vt:lpstr>Arial Narrow</vt:lpstr>
      <vt:lpstr>Calibri</vt:lpstr>
      <vt:lpstr>Segoe UI</vt:lpstr>
      <vt:lpstr>Wingdings</vt:lpstr>
      <vt:lpstr>3_CRPL</vt:lpstr>
      <vt:lpstr>4_CRPL</vt:lpstr>
      <vt:lpstr>HIS_Template_PHYSICIAN-FOR-CUSTOMERS_Wide_Editable</vt:lpstr>
      <vt:lpstr>PowerPoint Presentation</vt:lpstr>
      <vt:lpstr>What is Team Foundation Server (TFS)?</vt:lpstr>
      <vt:lpstr>Why TFS?</vt:lpstr>
      <vt:lpstr>Current ALM Landscape at 3M</vt:lpstr>
      <vt:lpstr>Who would use ETFS?</vt:lpstr>
      <vt:lpstr>SEMS DevOps</vt:lpstr>
      <vt:lpstr>ETFS Team Roadmap</vt:lpstr>
      <vt:lpstr>ETFS 2014 Timeline</vt:lpstr>
      <vt:lpstr>Technology Platform and Roadmap</vt:lpstr>
      <vt:lpstr>Task Timeline</vt:lpstr>
      <vt:lpstr>ETFS Architecture for QA and PROD</vt:lpstr>
      <vt:lpstr>ETFS - Environments</vt:lpstr>
      <vt:lpstr>Benefits of Enterprise TFS Solu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nterprise TFS</dc:title>
  <dc:creator>Mike O'Brien</dc:creator>
  <cp:lastModifiedBy>Mike O'Brien</cp:lastModifiedBy>
  <cp:revision>220</cp:revision>
  <cp:lastPrinted>2014-09-11T18:55:32Z</cp:lastPrinted>
  <dcterms:created xsi:type="dcterms:W3CDTF">2014-07-31T16:04:00Z</dcterms:created>
  <dcterms:modified xsi:type="dcterms:W3CDTF">2014-09-30T17:37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D0C259A7161F438FA784257010334D</vt:lpwstr>
  </property>
</Properties>
</file>